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2_申請様式（記載例）\"/>
    </mc:Choice>
  </mc:AlternateContent>
  <xr:revisionPtr revIDLastSave="0" documentId="13_ncr:1_{E27FB4CB-64B5-48A1-AB01-006B0B215297}" xr6:coauthVersionLast="47" xr6:coauthVersionMax="47" xr10:uidLastSave="{00000000-0000-0000-0000-000000000000}"/>
  <bookViews>
    <workbookView xWindow="-110" yWindow="-110" windowWidth="19420" windowHeight="11500" tabRatio="940" activeTab="5" xr2:uid="{00000000-000D-0000-FFFF-FFFF00000000}"/>
  </bookViews>
  <sheets>
    <sheet name="交付申請書（様式１）" sheetId="47" r:id="rId1"/>
    <sheet name="様式１　付表" sheetId="45" r:id="rId2"/>
    <sheet name="【介護テクノロジー（介護ソフト）】所要額調書(様式２)" sheetId="60" r:id="rId3"/>
    <sheet name="事業計画書（様式３）" sheetId="61" r:id="rId4"/>
    <sheet name="予算書抄本" sheetId="49" r:id="rId5"/>
    <sheet name="データ" sheetId="53" r:id="rId6"/>
  </sheets>
  <externalReferences>
    <externalReference r:id="rId7"/>
  </externalReferences>
  <definedNames>
    <definedName name="_xlnm.Print_Area" localSheetId="2">'【介護テクノロジー（介護ソフト）】所要額調書(様式２)'!$A$1:$T$18</definedName>
    <definedName name="_xlnm.Print_Area" localSheetId="0">'交付申請書（様式１）'!$A$1:$F$36</definedName>
    <definedName name="_xlnm.Print_Area" localSheetId="3">'事業計画書（様式３）'!$A$1:$I$44</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14" i="49" l="1"/>
  <c r="D10" i="49"/>
  <c r="G14" i="61"/>
  <c r="G13" i="61"/>
  <c r="J11" i="60"/>
  <c r="E4" i="61"/>
  <c r="K13" i="60"/>
  <c r="G13" i="60"/>
  <c r="D13" i="60"/>
  <c r="C13" i="60"/>
  <c r="H12" i="60"/>
  <c r="I12" i="60" s="1"/>
  <c r="J12" i="60" s="1"/>
  <c r="L12" i="60" s="1"/>
  <c r="F12" i="60"/>
  <c r="E12" i="60"/>
  <c r="F11" i="60"/>
  <c r="E11" i="60"/>
  <c r="I4" i="60"/>
  <c r="E13" i="60" l="1"/>
  <c r="F13" i="60"/>
  <c r="H11" i="60"/>
  <c r="I11" i="60" s="1"/>
  <c r="L11" i="60" s="1"/>
  <c r="H13" i="60" l="1"/>
  <c r="I13" i="60" l="1"/>
  <c r="J13" i="60" l="1"/>
  <c r="L13" i="60"/>
  <c r="D14" i="47" l="1"/>
  <c r="D5" i="49"/>
  <c r="D7" i="49" s="1"/>
  <c r="G15" i="61"/>
  <c r="L3" i="45"/>
  <c r="C219" i="49" l="1"/>
  <c r="C216" i="49"/>
  <c r="D214" i="49"/>
  <c r="K25" i="45"/>
  <c r="K24" i="45"/>
  <c r="K23" i="45"/>
  <c r="C218" i="49"/>
</calcChain>
</file>

<file path=xl/sharedStrings.xml><?xml version="1.0" encoding="utf-8"?>
<sst xmlns="http://schemas.openxmlformats.org/spreadsheetml/2006/main" count="323" uniqueCount="305">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介護テクノロジー等の導入支援事業</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介護ソフトは上記の「分野」では、"介護業務支援"としてください。</t>
    <rPh sb="1" eb="3">
      <t>カイゴ</t>
    </rPh>
    <rPh sb="7" eb="9">
      <t>ジョウキ</t>
    </rPh>
    <rPh sb="11" eb="13">
      <t>ブンヤ</t>
    </rPh>
    <rPh sb="18" eb="20">
      <t>カイゴ</t>
    </rPh>
    <rPh sb="20" eb="22">
      <t>ギョウム</t>
    </rPh>
    <rPh sb="22" eb="24">
      <t>シエン</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神奈川県横浜市中区日本大通り１</t>
    <rPh sb="0" eb="4">
      <t>カナガワケン</t>
    </rPh>
    <rPh sb="4" eb="7">
      <t>ヨコハマシ</t>
    </rPh>
    <rPh sb="7" eb="9">
      <t>ナカク</t>
    </rPh>
    <rPh sb="9" eb="11">
      <t>ニホン</t>
    </rPh>
    <rPh sb="11" eb="13">
      <t>オオドオ</t>
    </rPh>
    <phoneticPr fontId="4"/>
  </si>
  <si>
    <t>介護業務支援</t>
  </si>
  <si>
    <t>-</t>
    <phoneticPr fontId="4"/>
  </si>
  <si>
    <t>理事長　神奈川 太郎</t>
    <rPh sb="0" eb="3">
      <t>リジチョウ</t>
    </rPh>
    <rPh sb="4" eb="7">
      <t>カナガワ</t>
    </rPh>
    <rPh sb="8" eb="10">
      <t>タロウ</t>
    </rPh>
    <phoneticPr fontId="4"/>
  </si>
  <si>
    <t>社会福祉法人 かながわ</t>
    <rPh sb="0" eb="6">
      <t>シャカイフクシホウジン</t>
    </rPh>
    <phoneticPr fontId="4"/>
  </si>
  <si>
    <t>神奈川県横浜市中区日本大通１</t>
    <rPh sb="0" eb="4">
      <t>カナガワケン</t>
    </rPh>
    <rPh sb="4" eb="7">
      <t>ヨコハマシ</t>
    </rPh>
    <rPh sb="7" eb="9">
      <t>ナカク</t>
    </rPh>
    <rPh sb="9" eb="13">
      <t>ニホンオオドオリ</t>
    </rPh>
    <phoneticPr fontId="4"/>
  </si>
  <si>
    <t>部長　横浜　次郎</t>
    <rPh sb="0" eb="2">
      <t>ブチョウ</t>
    </rPh>
    <rPh sb="3" eb="5">
      <t>ヨコハマ</t>
    </rPh>
    <rPh sb="6" eb="8">
      <t>ジロウ</t>
    </rPh>
    <phoneticPr fontId="4"/>
  </si>
  <si>
    <t>045-000-0000</t>
    <phoneticPr fontId="4"/>
  </si>
  <si>
    <t>aaaaaaa@aaa.jp</t>
    <phoneticPr fontId="4"/>
  </si>
  <si>
    <t>課長　中区　三郎</t>
    <rPh sb="0" eb="2">
      <t>カチョウ</t>
    </rPh>
    <rPh sb="3" eb="5">
      <t>ナカク</t>
    </rPh>
    <rPh sb="6" eb="8">
      <t>サブロウ</t>
    </rPh>
    <phoneticPr fontId="4"/>
  </si>
  <si>
    <t>bbbbbbb@bbb.jp</t>
    <phoneticPr fontId="4"/>
  </si>
  <si>
    <t>代表者 氏名</t>
    <phoneticPr fontId="4"/>
  </si>
  <si>
    <t>認知症生活支援・認知症ケア支援</t>
    <phoneticPr fontId="4"/>
  </si>
  <si>
    <t>移乗支援（装着）</t>
    <phoneticPr fontId="4"/>
  </si>
  <si>
    <t>移乗支援（非装着）</t>
    <phoneticPr fontId="4"/>
  </si>
  <si>
    <t>排泄支援（排泄予測・検知）</t>
    <phoneticPr fontId="4"/>
  </si>
  <si>
    <t>見守り・コミュニケーション</t>
    <phoneticPr fontId="4"/>
  </si>
  <si>
    <t>入浴支援</t>
    <phoneticPr fontId="4"/>
  </si>
  <si>
    <t>介護業務支援</t>
    <phoneticPr fontId="4"/>
  </si>
  <si>
    <t>機能訓練支援</t>
    <phoneticPr fontId="4"/>
  </si>
  <si>
    <t>食事・栄養管理支援</t>
    <phoneticPr fontId="4"/>
  </si>
  <si>
    <t>重点分野</t>
    <rPh sb="0" eb="4">
      <t>ジュウテンブンヤ</t>
    </rPh>
    <phoneticPr fontId="4"/>
  </si>
  <si>
    <t>その他</t>
    <rPh sb="2" eb="3">
      <t>ホカ</t>
    </rPh>
    <phoneticPr fontId="4"/>
  </si>
  <si>
    <t>導入支援と一体的に行う業務改善支援事業</t>
  </si>
  <si>
    <t>導入支援と一体的に行う業務改善支援事業</t>
    <phoneticPr fontId="4"/>
  </si>
  <si>
    <t>（様式２）</t>
    <rPh sb="1" eb="3">
      <t>ヨウシキ</t>
    </rPh>
    <phoneticPr fontId="4"/>
  </si>
  <si>
    <t>理事長</t>
    <rPh sb="0" eb="3">
      <t>リジチョウ</t>
    </rPh>
    <phoneticPr fontId="4"/>
  </si>
  <si>
    <t>ｶﾅｶﾞﾜ</t>
    <phoneticPr fontId="4"/>
  </si>
  <si>
    <t>ﾀﾛｳ</t>
    <phoneticPr fontId="4"/>
  </si>
  <si>
    <t>神奈川</t>
    <rPh sb="0" eb="3">
      <t>カナガワ</t>
    </rPh>
    <phoneticPr fontId="4"/>
  </si>
  <si>
    <t>太郎</t>
    <rPh sb="0" eb="2">
      <t>タロウ</t>
    </rPh>
    <phoneticPr fontId="4"/>
  </si>
  <si>
    <t>S</t>
  </si>
  <si>
    <t>M</t>
  </si>
  <si>
    <t>神奈川県横浜市中区日本大通7</t>
    <rPh sb="0" eb="4">
      <t>カナガワケン</t>
    </rPh>
    <rPh sb="4" eb="7">
      <t>ヨコハマシ</t>
    </rPh>
    <rPh sb="7" eb="9">
      <t>ナカク</t>
    </rPh>
    <rPh sb="9" eb="13">
      <t>ニホンオオドオリ</t>
    </rPh>
    <phoneticPr fontId="4"/>
  </si>
  <si>
    <t>介護テクノロジー等の導入支援事業</t>
    <phoneticPr fontId="4"/>
  </si>
  <si>
    <t>オ 職員数：</t>
    <rPh sb="2" eb="5">
      <t>ショクインスウ</t>
    </rPh>
    <phoneticPr fontId="4"/>
  </si>
  <si>
    <t>カ 対象経費の実支出予定額：</t>
    <phoneticPr fontId="4"/>
  </si>
  <si>
    <t>キ 補助基準額：</t>
    <rPh sb="2" eb="4">
      <t>ホジョ</t>
    </rPh>
    <rPh sb="4" eb="6">
      <t>キジュン</t>
    </rPh>
    <rPh sb="6" eb="7">
      <t>ガク</t>
    </rPh>
    <phoneticPr fontId="4"/>
  </si>
  <si>
    <t>ク 補助金所要額：</t>
    <phoneticPr fontId="4"/>
  </si>
  <si>
    <t>※オの職員数の算出方法については、交付要領の表３をご参照ください。</t>
    <rPh sb="3" eb="6">
      <t>ショクインスウ</t>
    </rPh>
    <rPh sb="7" eb="9">
      <t>サンシュツ</t>
    </rPh>
    <rPh sb="9" eb="11">
      <t>ホウホウ</t>
    </rPh>
    <rPh sb="17" eb="19">
      <t>コウフ</t>
    </rPh>
    <rPh sb="19" eb="21">
      <t>ヨウリョウ</t>
    </rPh>
    <rPh sb="22" eb="23">
      <t>ヒョウ</t>
    </rPh>
    <rPh sb="26" eb="28">
      <t>サンショウ</t>
    </rPh>
    <phoneticPr fontId="4"/>
  </si>
  <si>
    <t>基準額区分</t>
    <rPh sb="0" eb="2">
      <t>キジュン</t>
    </rPh>
    <rPh sb="2" eb="3">
      <t>ガク</t>
    </rPh>
    <rPh sb="3" eb="5">
      <t>クブン</t>
    </rPh>
    <phoneticPr fontId="4"/>
  </si>
  <si>
    <t>導入支援と一体的に行う業務改善支援事業</t>
    <phoneticPr fontId="4"/>
  </si>
  <si>
    <t>介護テクノロジーのパッケージ型導入支援事業</t>
    <phoneticPr fontId="4"/>
  </si>
  <si>
    <t>「令和○年○月○日」又は「交付決定日以降」</t>
    <rPh sb="1" eb="3">
      <t>レイワ</t>
    </rPh>
    <rPh sb="4" eb="5">
      <t>ネン</t>
    </rPh>
    <rPh sb="6" eb="7">
      <t>ガツ</t>
    </rPh>
    <rPh sb="8" eb="9">
      <t>ニチ</t>
    </rPh>
    <rPh sb="10" eb="11">
      <t>マタ</t>
    </rPh>
    <rPh sb="13" eb="15">
      <t>コウフ</t>
    </rPh>
    <rPh sb="15" eb="17">
      <t>ケッテイ</t>
    </rPh>
    <rPh sb="17" eb="18">
      <t>ビ</t>
    </rPh>
    <rPh sb="18" eb="20">
      <t>イコウ</t>
    </rPh>
    <phoneticPr fontId="4"/>
  </si>
  <si>
    <t>居宅介護支援事業所　かながわ</t>
    <rPh sb="0" eb="9">
      <t>キョタクカイゴシエンジギョウショ</t>
    </rPh>
    <phoneticPr fontId="4"/>
  </si>
  <si>
    <t>介護ソフト　A</t>
    <rPh sb="0" eb="2">
      <t>カイゴ</t>
    </rPh>
    <phoneticPr fontId="4"/>
  </si>
  <si>
    <t>Wi-Fi設備</t>
  </si>
  <si>
    <t>ルーター</t>
    <phoneticPr fontId="4"/>
  </si>
  <si>
    <t>アセスメントの記録やケアプランの作成、請求業務</t>
    <rPh sb="7" eb="9">
      <t>キロク</t>
    </rPh>
    <rPh sb="16" eb="18">
      <t>サクセイ</t>
    </rPh>
    <rPh sb="19" eb="21">
      <t>セイキュウ</t>
    </rPh>
    <rPh sb="21" eb="23">
      <t>ギョウム</t>
    </rPh>
    <phoneticPr fontId="4"/>
  </si>
  <si>
    <t>介護ソフトと既導入のPCの連携</t>
    <rPh sb="0" eb="2">
      <t>カイゴ</t>
    </rPh>
    <rPh sb="6" eb="7">
      <t>キ</t>
    </rPh>
    <rPh sb="7" eb="9">
      <t>ドウニュウ</t>
    </rPh>
    <rPh sb="13" eb="15">
      <t>レンケイ</t>
    </rPh>
    <phoneticPr fontId="4"/>
  </si>
  <si>
    <t>介護ソフト等（ケアプランデータ連携システム５事業所連携）</t>
    <rPh sb="0" eb="2">
      <t>カイゴ</t>
    </rPh>
    <rPh sb="5" eb="6">
      <t>トウ</t>
    </rPh>
    <rPh sb="15" eb="17">
      <t>レンケイ</t>
    </rPh>
    <rPh sb="22" eb="25">
      <t>ジギョウショ</t>
    </rPh>
    <rPh sb="25" eb="27">
      <t>レンケイ</t>
    </rPh>
    <phoneticPr fontId="4"/>
  </si>
  <si>
    <t>令和８年度神奈川県介護生産性向上推進事業費補助金交付申請書</t>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5">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
      <sz val="12"/>
      <color rgb="FFFF0000"/>
      <name val="ＭＳ 明朝"/>
      <family val="1"/>
      <charset val="128"/>
    </font>
    <font>
      <sz val="10"/>
      <color rgb="FFFF0000"/>
      <name val="BIZ UD明朝 Medium"/>
      <family val="1"/>
      <charset val="128"/>
    </font>
  </fonts>
  <fills count="5">
    <fill>
      <patternFill patternType="none"/>
    </fill>
    <fill>
      <patternFill patternType="gray125"/>
    </fill>
    <fill>
      <patternFill patternType="solid">
        <fgColor rgb="FFFFFFFF"/>
        <bgColor rgb="FFFFFFFF"/>
      </patternFill>
    </fill>
    <fill>
      <patternFill patternType="solid">
        <fgColor rgb="FFFFFF00"/>
        <bgColor indexed="64"/>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30">
    <xf numFmtId="0" fontId="0" fillId="0" borderId="0" xfId="0">
      <alignment vertical="center"/>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8" fillId="3" borderId="4" xfId="2" applyFont="1" applyFill="1" applyBorder="1" applyAlignment="1" applyProtection="1">
      <alignment vertical="center" wrapText="1"/>
      <protection locked="0"/>
    </xf>
    <xf numFmtId="0" fontId="8" fillId="3" borderId="12" xfId="2" applyFont="1" applyFill="1" applyBorder="1" applyAlignment="1" applyProtection="1">
      <alignment vertical="center" wrapText="1"/>
      <protection locked="0"/>
    </xf>
    <xf numFmtId="0" fontId="8" fillId="3" borderId="25" xfId="2" applyFont="1" applyFill="1" applyBorder="1" applyAlignment="1" applyProtection="1">
      <alignment vertical="center" wrapText="1"/>
      <protection locked="0"/>
    </xf>
    <xf numFmtId="0" fontId="8" fillId="3" borderId="26" xfId="2" applyFont="1" applyFill="1" applyBorder="1" applyAlignment="1" applyProtection="1">
      <alignment vertical="center" wrapText="1"/>
      <protection locked="0"/>
    </xf>
    <xf numFmtId="0" fontId="8" fillId="3" borderId="13" xfId="2" applyFont="1" applyFill="1" applyBorder="1" applyAlignment="1" applyProtection="1">
      <alignment vertical="center" wrapText="1"/>
      <protection locked="0"/>
    </xf>
    <xf numFmtId="0" fontId="8" fillId="3" borderId="12" xfId="2" applyFont="1" applyFill="1" applyBorder="1" applyAlignment="1" applyProtection="1">
      <alignment horizontal="center" vertical="center" wrapText="1"/>
      <protection locked="0"/>
    </xf>
    <xf numFmtId="0" fontId="8" fillId="3" borderId="4" xfId="2" applyNumberFormat="1" applyFont="1" applyFill="1" applyBorder="1" applyAlignment="1" applyProtection="1">
      <alignment horizontal="center" vertical="center"/>
      <protection locked="0"/>
    </xf>
    <xf numFmtId="49" fontId="8" fillId="3" borderId="31" xfId="2" applyNumberFormat="1" applyFont="1" applyFill="1" applyBorder="1" applyAlignment="1" applyProtection="1">
      <alignment horizontal="center" vertical="center" wrapText="1"/>
      <protection locked="0"/>
    </xf>
    <xf numFmtId="49" fontId="8" fillId="3" borderId="25" xfId="2" applyNumberFormat="1" applyFont="1" applyFill="1" applyBorder="1" applyAlignment="1" applyProtection="1">
      <alignment horizontal="center" vertical="center"/>
      <protection locked="0"/>
    </xf>
    <xf numFmtId="0" fontId="8" fillId="3" borderId="30" xfId="2" applyFont="1" applyFill="1" applyBorder="1" applyAlignment="1" applyProtection="1">
      <alignment vertical="center" wrapText="1"/>
      <protection locked="0"/>
    </xf>
    <xf numFmtId="0" fontId="5" fillId="3" borderId="1" xfId="0" applyFont="1" applyFill="1" applyBorder="1" applyAlignment="1">
      <alignment horizontal="left" vertical="center" shrinkToFit="1"/>
    </xf>
    <xf numFmtId="178" fontId="5" fillId="3" borderId="1" xfId="0" applyNumberFormat="1" applyFont="1" applyFill="1" applyBorder="1" applyAlignment="1">
      <alignment horizontal="right" vertical="center" wrapText="1"/>
    </xf>
    <xf numFmtId="0" fontId="5" fillId="3" borderId="1" xfId="0" applyFont="1" applyFill="1" applyBorder="1" applyAlignment="1">
      <alignment vertical="center" shrinkToFit="1"/>
    </xf>
    <xf numFmtId="0" fontId="5" fillId="3" borderId="1" xfId="0" applyFont="1" applyFill="1" applyBorder="1" applyAlignment="1">
      <alignment vertical="center" wrapText="1"/>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22" fillId="3" borderId="6" xfId="0" applyFont="1" applyFill="1" applyBorder="1" applyAlignment="1" applyProtection="1">
      <alignment horizontal="left" vertical="center"/>
      <protection locked="0"/>
    </xf>
    <xf numFmtId="0" fontId="22" fillId="3" borderId="8" xfId="0" applyFont="1" applyFill="1" applyBorder="1" applyAlignment="1" applyProtection="1">
      <alignment horizontal="left" vertical="center"/>
      <protection locked="0"/>
    </xf>
    <xf numFmtId="58" fontId="22" fillId="3" borderId="0" xfId="0" quotePrefix="1" applyNumberFormat="1" applyFont="1" applyFill="1" applyBorder="1" applyAlignment="1" applyProtection="1">
      <alignment horizontal="right" vertical="center"/>
      <protection locked="0"/>
    </xf>
    <xf numFmtId="0" fontId="22" fillId="2" borderId="0" xfId="0" applyFont="1" applyFill="1" applyAlignment="1">
      <alignment horizontal="right" vertical="center"/>
    </xf>
    <xf numFmtId="0" fontId="23" fillId="3" borderId="1" xfId="0" applyFont="1" applyFill="1" applyBorder="1" applyAlignment="1">
      <alignment horizontal="left" vertical="center" shrinkToFit="1"/>
    </xf>
    <xf numFmtId="178" fontId="23" fillId="3" borderId="1" xfId="0" applyNumberFormat="1" applyFont="1" applyFill="1" applyBorder="1" applyAlignment="1">
      <alignment horizontal="right" vertical="center" wrapText="1"/>
    </xf>
    <xf numFmtId="49" fontId="22" fillId="3" borderId="6" xfId="0" applyNumberFormat="1" applyFont="1" applyFill="1" applyBorder="1" applyAlignment="1" applyProtection="1">
      <alignment vertical="center" shrinkToFit="1"/>
      <protection locked="0"/>
    </xf>
    <xf numFmtId="49" fontId="22" fillId="3" borderId="8" xfId="0" applyNumberFormat="1" applyFont="1" applyFill="1" applyBorder="1" applyAlignment="1" applyProtection="1">
      <alignment vertical="center" shrinkToFit="1"/>
      <protection locked="0"/>
    </xf>
    <xf numFmtId="0" fontId="22" fillId="2" borderId="0" xfId="0" applyFont="1" applyFill="1" applyBorder="1" applyAlignment="1">
      <alignment vertical="center"/>
    </xf>
    <xf numFmtId="0" fontId="14" fillId="2" borderId="0" xfId="0" applyFont="1" applyFill="1" applyBorder="1" applyAlignment="1">
      <alignment vertical="center"/>
    </xf>
    <xf numFmtId="0" fontId="22" fillId="3" borderId="7" xfId="0" applyFont="1" applyFill="1" applyBorder="1" applyAlignment="1">
      <alignment vertical="center" wrapText="1"/>
    </xf>
    <xf numFmtId="38" fontId="23" fillId="3" borderId="1" xfId="1" applyFont="1" applyFill="1" applyBorder="1" applyAlignment="1">
      <alignment vertical="center" wrapText="1"/>
    </xf>
    <xf numFmtId="0" fontId="23" fillId="3" borderId="14" xfId="0" applyFont="1" applyFill="1" applyBorder="1" applyAlignment="1">
      <alignment vertical="center" wrapText="1"/>
    </xf>
    <xf numFmtId="38" fontId="23" fillId="3" borderId="2" xfId="1" applyFont="1" applyFill="1" applyBorder="1" applyAlignment="1">
      <alignment vertical="center" wrapText="1"/>
    </xf>
    <xf numFmtId="38" fontId="22" fillId="3" borderId="1" xfId="1" applyFont="1" applyFill="1" applyBorder="1" applyAlignment="1">
      <alignment horizontal="right" vertical="center" shrinkToFit="1"/>
    </xf>
    <xf numFmtId="0" fontId="24" fillId="3" borderId="4"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25" xfId="2" applyFont="1" applyFill="1" applyBorder="1" applyAlignment="1" applyProtection="1">
      <alignment vertical="center" wrapText="1"/>
      <protection locked="0"/>
    </xf>
    <xf numFmtId="0" fontId="24" fillId="3" borderId="26" xfId="2" applyFont="1" applyFill="1" applyBorder="1" applyAlignment="1" applyProtection="1">
      <alignment vertical="center" wrapText="1"/>
      <protection locked="0"/>
    </xf>
    <xf numFmtId="0" fontId="24" fillId="3" borderId="13" xfId="2" applyFont="1" applyFill="1" applyBorder="1" applyAlignment="1" applyProtection="1">
      <alignment vertical="center" wrapText="1"/>
      <protection locked="0"/>
    </xf>
    <xf numFmtId="0" fontId="24" fillId="3" borderId="12" xfId="2" applyFont="1" applyFill="1" applyBorder="1" applyAlignment="1" applyProtection="1">
      <alignment horizontal="center" vertical="center" wrapText="1"/>
      <protection locked="0"/>
    </xf>
    <xf numFmtId="49" fontId="24" fillId="3" borderId="27" xfId="2" applyNumberFormat="1" applyFont="1" applyFill="1" applyBorder="1" applyAlignment="1" applyProtection="1">
      <alignment horizontal="center" vertical="center" wrapText="1"/>
      <protection locked="0"/>
    </xf>
    <xf numFmtId="49" fontId="24" fillId="3" borderId="28" xfId="2" applyNumberFormat="1" applyFont="1" applyFill="1" applyBorder="1" applyAlignment="1" applyProtection="1">
      <alignment horizontal="center" vertical="center"/>
      <protection locked="0"/>
    </xf>
    <xf numFmtId="0" fontId="24" fillId="3" borderId="4" xfId="2" applyNumberFormat="1" applyFont="1" applyFill="1" applyBorder="1" applyAlignment="1" applyProtection="1">
      <alignment horizontal="center" vertical="center"/>
      <protection locked="0"/>
    </xf>
    <xf numFmtId="0" fontId="0" fillId="4" borderId="0" xfId="0" applyFill="1">
      <alignment vertical="center"/>
    </xf>
    <xf numFmtId="0" fontId="19" fillId="4" borderId="0" xfId="0" applyFont="1" applyFill="1">
      <alignment vertical="center"/>
    </xf>
    <xf numFmtId="0" fontId="0" fillId="4" borderId="14" xfId="0" applyFill="1" applyBorder="1" applyAlignment="1">
      <alignment horizontal="center" vertical="center"/>
    </xf>
    <xf numFmtId="0" fontId="0" fillId="4"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0" xfId="0" applyFont="1" applyFill="1" applyAlignment="1">
      <alignment horizontal="center" vertical="center"/>
    </xf>
    <xf numFmtId="0" fontId="3" fillId="0" borderId="0" xfId="0" applyFont="1" applyFill="1" applyAlignment="1">
      <alignment horizontal="right" vertical="center"/>
    </xf>
    <xf numFmtId="38" fontId="3" fillId="0" borderId="0" xfId="1" applyFont="1" applyFill="1" applyAlignment="1">
      <alignment horizontal="right" vertical="center"/>
    </xf>
    <xf numFmtId="0" fontId="23" fillId="3" borderId="1" xfId="0" applyFont="1" applyFill="1" applyBorder="1" applyAlignment="1">
      <alignment horizontal="left" vertical="center" wrapText="1"/>
    </xf>
    <xf numFmtId="0" fontId="5" fillId="3" borderId="1" xfId="0" applyFont="1" applyFill="1" applyBorder="1" applyAlignment="1">
      <alignment horizontal="left" vertical="center" wrapText="1"/>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38" fontId="3" fillId="0" borderId="2" xfId="1" applyFont="1" applyFill="1" applyBorder="1" applyAlignment="1">
      <alignment horizontal="right" vertical="center" shrinkToFit="1"/>
    </xf>
    <xf numFmtId="0" fontId="5" fillId="0" borderId="0" xfId="0" applyFont="1">
      <alignment vertical="center"/>
    </xf>
    <xf numFmtId="0" fontId="5" fillId="0" borderId="0" xfId="0" applyFont="1" applyAlignment="1">
      <alignment horizontal="center" vertical="center"/>
    </xf>
    <xf numFmtId="0" fontId="5" fillId="0" borderId="6" xfId="0" applyFont="1" applyBorder="1">
      <alignment vertical="center"/>
    </xf>
    <xf numFmtId="0" fontId="5" fillId="0" borderId="0" xfId="0" applyFont="1" applyAlignment="1">
      <alignment vertical="center" wrapText="1"/>
    </xf>
    <xf numFmtId="0" fontId="5" fillId="0" borderId="1" xfId="0" applyFont="1" applyBorder="1" applyAlignment="1">
      <alignment horizontal="center" vertical="center" wrapText="1"/>
    </xf>
    <xf numFmtId="0" fontId="5" fillId="0" borderId="10" xfId="0" applyFont="1" applyBorder="1" applyAlignment="1">
      <alignment horizontal="left" vertical="center" wrapText="1"/>
    </xf>
    <xf numFmtId="0" fontId="5" fillId="0" borderId="0" xfId="0" applyFont="1" applyAlignment="1">
      <alignment horizontal="left" vertical="center" wrapText="1"/>
    </xf>
    <xf numFmtId="0" fontId="5" fillId="0" borderId="11" xfId="0" applyFont="1" applyBorder="1" applyAlignment="1">
      <alignment horizontal="left" vertical="center" wrapText="1"/>
    </xf>
    <xf numFmtId="0" fontId="5" fillId="0" borderId="10" xfId="0" applyFont="1" applyBorder="1" applyAlignment="1">
      <alignment horizontal="left" vertical="center"/>
    </xf>
    <xf numFmtId="0" fontId="5" fillId="0" borderId="10" xfId="0" applyFont="1" applyBorder="1" applyAlignment="1">
      <alignment horizontal="left" vertical="top" wrapText="1"/>
    </xf>
    <xf numFmtId="0" fontId="5" fillId="0" borderId="0" xfId="0" applyFont="1" applyAlignment="1">
      <alignment horizontal="left" vertical="top" wrapText="1"/>
    </xf>
    <xf numFmtId="0" fontId="5" fillId="0" borderId="11" xfId="0" applyFont="1" applyBorder="1" applyAlignment="1">
      <alignment horizontal="left" vertical="top" wrapText="1"/>
    </xf>
    <xf numFmtId="0" fontId="5" fillId="0" borderId="10" xfId="0" applyFont="1" applyBorder="1" applyAlignment="1">
      <alignment vertical="top" wrapText="1"/>
    </xf>
    <xf numFmtId="0" fontId="5" fillId="0" borderId="0" xfId="0" applyFont="1" applyAlignment="1">
      <alignment vertical="top" wrapText="1"/>
    </xf>
    <xf numFmtId="0" fontId="5" fillId="0" borderId="11" xfId="0" applyFont="1" applyBorder="1" applyAlignment="1">
      <alignment vertical="top" wrapText="1"/>
    </xf>
    <xf numFmtId="0" fontId="3" fillId="0" borderId="5" xfId="0" applyFont="1" applyBorder="1" applyAlignment="1">
      <alignment vertical="center" wrapText="1"/>
    </xf>
    <xf numFmtId="0" fontId="3" fillId="0" borderId="5" xfId="0" applyFont="1" applyBorder="1">
      <alignment vertical="center"/>
    </xf>
    <xf numFmtId="0" fontId="5" fillId="0" borderId="0" xfId="0" applyFont="1" applyAlignment="1">
      <alignment horizontal="left" vertical="top"/>
    </xf>
    <xf numFmtId="38" fontId="3" fillId="0" borderId="1" xfId="1" applyFont="1" applyFill="1" applyBorder="1" applyAlignment="1">
      <alignment horizontal="right" vertical="center" shrinkToFit="1"/>
    </xf>
    <xf numFmtId="38" fontId="5" fillId="0" borderId="53" xfId="1" applyFont="1" applyFill="1" applyBorder="1" applyAlignment="1">
      <alignment vertical="center" wrapText="1"/>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8" fillId="3" borderId="7" xfId="2" applyFont="1" applyFill="1" applyBorder="1" applyAlignment="1" applyProtection="1">
      <alignment vertical="center" wrapText="1"/>
      <protection locked="0"/>
    </xf>
    <xf numFmtId="0" fontId="8" fillId="3" borderId="8" xfId="2" applyFont="1" applyFill="1" applyBorder="1" applyAlignment="1" applyProtection="1">
      <alignment vertical="center" wrapText="1"/>
      <protection locked="0"/>
    </xf>
    <xf numFmtId="0" fontId="8" fillId="3" borderId="9" xfId="2" applyFont="1" applyFill="1" applyBorder="1" applyAlignment="1" applyProtection="1">
      <alignment vertical="center" wrapText="1"/>
      <protection locked="0"/>
    </xf>
    <xf numFmtId="0" fontId="24" fillId="3" borderId="12" xfId="2" applyFont="1" applyFill="1" applyBorder="1" applyAlignment="1" applyProtection="1">
      <alignment vertical="center" wrapText="1"/>
      <protection locked="0"/>
    </xf>
    <xf numFmtId="0" fontId="24" fillId="3" borderId="6" xfId="2" applyFont="1" applyFill="1" applyBorder="1" applyAlignment="1" applyProtection="1">
      <alignment vertical="center" wrapText="1"/>
      <protection locked="0"/>
    </xf>
    <xf numFmtId="0" fontId="24" fillId="3" borderId="29" xfId="2" applyFont="1" applyFill="1" applyBorder="1" applyAlignment="1" applyProtection="1">
      <alignment vertical="center" wrapText="1"/>
      <protection locked="0"/>
    </xf>
    <xf numFmtId="0" fontId="8" fillId="0" borderId="0" xfId="2" applyFont="1" applyFill="1" applyAlignment="1">
      <alignment horizontal="left" vertical="center"/>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3" fillId="0" borderId="53" xfId="0" applyFont="1" applyFill="1" applyBorder="1" applyAlignment="1">
      <alignment horizontal="center" vertical="center" wrapText="1"/>
    </xf>
    <xf numFmtId="0" fontId="3" fillId="0" borderId="5" xfId="0" applyFont="1" applyFill="1" applyBorder="1" applyAlignment="1">
      <alignment horizontal="left" vertical="center"/>
    </xf>
    <xf numFmtId="0" fontId="7" fillId="0" borderId="0" xfId="0" applyFont="1" applyFill="1" applyAlignment="1">
      <alignment horizontal="left" vertical="center"/>
    </xf>
    <xf numFmtId="0" fontId="3" fillId="0" borderId="0" xfId="0" applyFont="1" applyFill="1" applyAlignment="1">
      <alignment horizontal="center" vertical="center"/>
    </xf>
    <xf numFmtId="0" fontId="3" fillId="0" borderId="6" xfId="0" applyFont="1" applyFill="1" applyBorder="1" applyAlignment="1">
      <alignment horizontal="left" vertical="center"/>
    </xf>
    <xf numFmtId="0" fontId="3" fillId="0" borderId="0" xfId="0" applyFont="1" applyFill="1" applyAlignment="1">
      <alignment horizontal="right" vertical="center"/>
    </xf>
    <xf numFmtId="0" fontId="3" fillId="0" borderId="2" xfId="0" applyFont="1" applyFill="1" applyBorder="1" applyAlignment="1">
      <alignment horizontal="center" vertical="center" wrapText="1"/>
    </xf>
    <xf numFmtId="0" fontId="3" fillId="0" borderId="3" xfId="0" applyFont="1" applyFill="1" applyBorder="1" applyAlignment="1">
      <alignment horizontal="center" vertical="center" wrapText="1"/>
    </xf>
    <xf numFmtId="0" fontId="3" fillId="0" borderId="4" xfId="0" applyFont="1" applyFill="1" applyBorder="1" applyAlignment="1">
      <alignment horizontal="center" vertical="center" wrapText="1"/>
    </xf>
    <xf numFmtId="0" fontId="3" fillId="0" borderId="1" xfId="0" applyFont="1" applyFill="1" applyBorder="1" applyAlignment="1">
      <alignment horizontal="center" vertical="center" wrapText="1"/>
    </xf>
    <xf numFmtId="0" fontId="5" fillId="0" borderId="10" xfId="0" applyFont="1" applyBorder="1" applyAlignment="1">
      <alignment horizontal="left" vertical="center" wrapText="1"/>
    </xf>
    <xf numFmtId="0" fontId="5" fillId="0" borderId="0" xfId="0" applyFont="1" applyAlignment="1">
      <alignment horizontal="left" vertical="center" wrapText="1"/>
    </xf>
    <xf numFmtId="0" fontId="5" fillId="0" borderId="11" xfId="0" applyFont="1" applyBorder="1" applyAlignment="1">
      <alignment horizontal="left" vertical="center" wrapText="1"/>
    </xf>
    <xf numFmtId="0" fontId="5" fillId="0" borderId="1" xfId="0" applyFont="1" applyBorder="1" applyAlignment="1">
      <alignment horizontal="center" vertical="center" shrinkToFit="1"/>
    </xf>
    <xf numFmtId="58" fontId="23" fillId="3" borderId="7" xfId="0" applyNumberFormat="1" applyFont="1" applyFill="1" applyBorder="1" applyAlignment="1">
      <alignment horizontal="left" vertical="center" wrapText="1"/>
    </xf>
    <xf numFmtId="58" fontId="23" fillId="3" borderId="8" xfId="0" applyNumberFormat="1" applyFont="1" applyFill="1" applyBorder="1" applyAlignment="1">
      <alignment horizontal="left" vertical="center" wrapText="1"/>
    </xf>
    <xf numFmtId="0" fontId="23" fillId="3" borderId="9" xfId="0" applyFont="1" applyFill="1" applyBorder="1" applyAlignment="1">
      <alignment horizontal="left" vertical="center" wrapText="1"/>
    </xf>
    <xf numFmtId="0" fontId="5" fillId="3" borderId="1" xfId="0" applyFont="1" applyFill="1" applyBorder="1" applyAlignment="1">
      <alignment horizontal="left" vertical="center" wrapText="1"/>
    </xf>
    <xf numFmtId="0" fontId="5" fillId="0" borderId="14" xfId="0" applyFont="1" applyBorder="1" applyAlignment="1">
      <alignment horizontal="left" vertical="center" wrapText="1"/>
    </xf>
    <xf numFmtId="0" fontId="5" fillId="0" borderId="5" xfId="0" applyFont="1" applyBorder="1" applyAlignment="1">
      <alignment horizontal="left" vertical="center" wrapText="1"/>
    </xf>
    <xf numFmtId="0" fontId="5" fillId="0" borderId="15" xfId="0" applyFont="1" applyBorder="1" applyAlignment="1">
      <alignment horizontal="left" vertical="center" wrapText="1"/>
    </xf>
    <xf numFmtId="0" fontId="5" fillId="0" borderId="10" xfId="0" applyFont="1" applyBorder="1" applyAlignment="1">
      <alignment horizontal="left" vertical="top" wrapText="1"/>
    </xf>
    <xf numFmtId="0" fontId="5" fillId="0" borderId="0" xfId="0" applyFont="1" applyAlignment="1">
      <alignment horizontal="left" vertical="top" wrapText="1"/>
    </xf>
    <xf numFmtId="0" fontId="5" fillId="0" borderId="11" xfId="0" applyFont="1" applyBorder="1" applyAlignment="1">
      <alignment horizontal="left" vertical="top" wrapText="1"/>
    </xf>
    <xf numFmtId="0" fontId="5" fillId="0" borderId="7" xfId="0" applyFont="1" applyBorder="1" applyAlignment="1">
      <alignment horizontal="center" vertical="center" wrapText="1"/>
    </xf>
    <xf numFmtId="0" fontId="5" fillId="0" borderId="8" xfId="0" applyFont="1" applyBorder="1" applyAlignment="1">
      <alignment horizontal="center" vertical="center" wrapText="1"/>
    </xf>
    <xf numFmtId="0" fontId="5" fillId="0" borderId="9" xfId="0" applyFont="1" applyBorder="1" applyAlignment="1">
      <alignment horizontal="center" vertical="center" wrapText="1"/>
    </xf>
    <xf numFmtId="0" fontId="23" fillId="3" borderId="1" xfId="0" applyFont="1" applyFill="1" applyBorder="1" applyAlignment="1">
      <alignment horizontal="left" vertical="center" wrapText="1"/>
    </xf>
    <xf numFmtId="0" fontId="5" fillId="0" borderId="1" xfId="0" applyFont="1" applyBorder="1" applyAlignment="1">
      <alignment horizontal="left" vertical="center" shrinkToFit="1"/>
    </xf>
    <xf numFmtId="179" fontId="5" fillId="0" borderId="1" xfId="0" applyNumberFormat="1" applyFont="1" applyFill="1" applyBorder="1" applyAlignment="1">
      <alignment horizontal="left" vertical="center" wrapText="1"/>
    </xf>
    <xf numFmtId="0" fontId="5" fillId="0" borderId="1" xfId="0" applyFont="1" applyBorder="1" applyAlignment="1">
      <alignment horizontal="left" vertical="center" wrapText="1"/>
    </xf>
    <xf numFmtId="0" fontId="5" fillId="0" borderId="0" xfId="0" applyFont="1" applyAlignment="1">
      <alignment horizontal="center" vertical="center"/>
    </xf>
    <xf numFmtId="0" fontId="5" fillId="0" borderId="1" xfId="0" applyFont="1" applyBorder="1" applyAlignment="1">
      <alignment horizontal="center" vertical="center"/>
    </xf>
    <xf numFmtId="0" fontId="5" fillId="0" borderId="14" xfId="0" applyFont="1" applyBorder="1" applyAlignment="1">
      <alignment horizontal="center" vertical="center"/>
    </xf>
    <xf numFmtId="0" fontId="5" fillId="0" borderId="5" xfId="0" applyFont="1" applyBorder="1" applyAlignment="1">
      <alignment horizontal="center" vertical="center"/>
    </xf>
    <xf numFmtId="0" fontId="5" fillId="0" borderId="15" xfId="0" applyFont="1" applyBorder="1" applyAlignment="1">
      <alignment horizontal="center" vertical="center"/>
    </xf>
    <xf numFmtId="0" fontId="5" fillId="0" borderId="10" xfId="0" applyFont="1" applyBorder="1" applyAlignment="1">
      <alignment horizontal="center" vertical="center"/>
    </xf>
    <xf numFmtId="0" fontId="5" fillId="0" borderId="11" xfId="0" applyFont="1" applyBorder="1" applyAlignment="1">
      <alignment horizontal="center" vertical="center"/>
    </xf>
    <xf numFmtId="180" fontId="23" fillId="3" borderId="1" xfId="0" applyNumberFormat="1" applyFont="1" applyFill="1" applyBorder="1" applyAlignment="1">
      <alignment horizontal="left" vertical="center" wrapText="1"/>
    </xf>
    <xf numFmtId="0" fontId="23" fillId="0" borderId="1" xfId="0" applyFont="1" applyBorder="1" applyAlignment="1">
      <alignment horizontal="left" vertical="center" wrapTex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oneCellAnchor>
    <xdr:from>
      <xdr:col>4</xdr:col>
      <xdr:colOff>252047</xdr:colOff>
      <xdr:row>13</xdr:row>
      <xdr:rowOff>29309</xdr:rowOff>
    </xdr:from>
    <xdr:ext cx="3180266" cy="459100"/>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4300586" y="4077848"/>
          <a:ext cx="3180266"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latin typeface="ＭＳ ゴシック" panose="020B0609070205080204" pitchFamily="49" charset="-128"/>
              <a:ea typeface="ＭＳ ゴシック" panose="020B0609070205080204" pitchFamily="49" charset="-128"/>
            </a:rPr>
            <a:t>←様式２の「Ｊ欄」の合計額が自動で反映されます。</a:t>
          </a:r>
        </a:p>
      </xdr:txBody>
    </xdr:sp>
    <xdr:clientData/>
  </xdr:oneCellAnchor>
  <xdr:oneCellAnchor>
    <xdr:from>
      <xdr:col>0</xdr:col>
      <xdr:colOff>312420</xdr:colOff>
      <xdr:row>0</xdr:row>
      <xdr:rowOff>213361</xdr:rowOff>
    </xdr:from>
    <xdr:ext cx="5981700" cy="459100"/>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312420" y="213361"/>
          <a:ext cx="5981700" cy="459100"/>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和暦で記入してください。</a:t>
          </a:r>
          <a:endParaRPr lang="ja-JP" altLang="ja-JP">
            <a:effectLst/>
            <a:latin typeface="ＭＳ ゴシック" panose="020B0609070205080204" pitchFamily="49" charset="-128"/>
            <a:ea typeface="ＭＳ ゴシック" panose="020B0609070205080204" pitchFamily="49" charset="-128"/>
          </a:endParaRPr>
        </a:p>
        <a:p>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例</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令和</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８</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年</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８</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月</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１</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日申請の場合、</a:t>
          </a:r>
          <a:r>
            <a:rPr kumimoji="1" lang="en-US" altLang="ja-JP" sz="1100">
              <a:solidFill>
                <a:schemeClr val="tx1"/>
              </a:solidFill>
              <a:effectLst/>
              <a:latin typeface="ＭＳ ゴシック" panose="020B0609070205080204" pitchFamily="49" charset="-128"/>
              <a:ea typeface="ＭＳ ゴシック" panose="020B0609070205080204" pitchFamily="49" charset="-128"/>
              <a:cs typeface="+mn-cs"/>
            </a:rPr>
            <a:t>8/1</a:t>
          </a:r>
          <a:r>
            <a:rPr kumimoji="1" lang="ja-JP" altLang="ja-JP" sz="1100">
              <a:solidFill>
                <a:schemeClr val="tx1"/>
              </a:solidFill>
              <a:effectLst/>
              <a:latin typeface="ＭＳ ゴシック" panose="020B0609070205080204" pitchFamily="49" charset="-128"/>
              <a:ea typeface="ＭＳ ゴシック" panose="020B0609070205080204" pitchFamily="49" charset="-128"/>
              <a:cs typeface="+mn-cs"/>
            </a:rPr>
            <a:t>と入力してください。自動で和暦表示になります。</a:t>
          </a:r>
          <a:r>
            <a:rPr kumimoji="1" lang="ja-JP" altLang="en-US" sz="1100">
              <a:solidFill>
                <a:schemeClr val="tx1"/>
              </a:solidFill>
              <a:effectLst/>
              <a:latin typeface="ＭＳ ゴシック" panose="020B0609070205080204" pitchFamily="49" charset="-128"/>
              <a:ea typeface="ＭＳ ゴシック" panose="020B0609070205080204" pitchFamily="49" charset="-128"/>
              <a:cs typeface="+mn-cs"/>
            </a:rPr>
            <a:t>→</a:t>
          </a:r>
          <a:endParaRPr lang="ja-JP" altLang="ja-JP">
            <a:effectLst/>
            <a:latin typeface="ＭＳ ゴシック" panose="020B0609070205080204" pitchFamily="49" charset="-128"/>
            <a:ea typeface="ＭＳ ゴシック" panose="020B0609070205080204" pitchFamily="49" charset="-128"/>
          </a:endParaRPr>
        </a:p>
      </xdr:txBody>
    </xdr:sp>
    <xdr:clientData/>
  </xdr:oneCellAnchor>
  <xdr:oneCellAnchor>
    <xdr:from>
      <xdr:col>5</xdr:col>
      <xdr:colOff>424070</xdr:colOff>
      <xdr:row>6</xdr:row>
      <xdr:rowOff>26252</xdr:rowOff>
    </xdr:from>
    <xdr:ext cx="1969988" cy="480644"/>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5751444" y="1894809"/>
          <a:ext cx="1969988" cy="480644"/>
        </a:xfrm>
        <a:prstGeom prst="rect">
          <a:avLst/>
        </a:prstGeom>
        <a:solidFill>
          <a:schemeClr val="accent5">
            <a:lumMod val="20000"/>
            <a:lumOff val="80000"/>
          </a:schemeClr>
        </a:solidFill>
        <a:ln w="12700">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kumimoji="1" lang="ja-JP" altLang="en-US" sz="1100">
              <a:latin typeface="ＭＳ ゴシック" panose="020B0609070205080204" pitchFamily="49" charset="-128"/>
              <a:ea typeface="ＭＳ ゴシック" panose="020B0609070205080204" pitchFamily="49" charset="-128"/>
            </a:rPr>
            <a:t>↑</a:t>
          </a:r>
          <a:endParaRPr kumimoji="1" lang="en-US" altLang="ja-JP" sz="1100">
            <a:latin typeface="ＭＳ ゴシック" panose="020B0609070205080204" pitchFamily="49" charset="-128"/>
            <a:ea typeface="ＭＳ ゴシック" panose="020B0609070205080204" pitchFamily="49" charset="-128"/>
          </a:endParaRPr>
        </a:p>
        <a:p>
          <a:pPr algn="r"/>
          <a:r>
            <a:rPr kumimoji="1" lang="ja-JP" altLang="en-US" sz="1100">
              <a:latin typeface="ＭＳ ゴシック" panose="020B0609070205080204" pitchFamily="49" charset="-128"/>
              <a:ea typeface="ＭＳ ゴシック" panose="020B0609070205080204" pitchFamily="49" charset="-128"/>
            </a:rPr>
            <a:t>役職名も記入してください。</a:t>
          </a:r>
          <a:endParaRPr kumimoji="1" lang="en-US" altLang="ja-JP" sz="1100">
            <a:latin typeface="ＭＳ ゴシック" panose="020B0609070205080204" pitchFamily="49" charset="-128"/>
            <a:ea typeface="ＭＳ ゴシック" panose="020B0609070205080204" pitchFamily="49" charset="-128"/>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6</xdr:col>
      <xdr:colOff>369473</xdr:colOff>
      <xdr:row>11</xdr:row>
      <xdr:rowOff>609599</xdr:rowOff>
    </xdr:from>
    <xdr:to>
      <xdr:col>13</xdr:col>
      <xdr:colOff>63073</xdr:colOff>
      <xdr:row>30</xdr:row>
      <xdr:rowOff>50011</xdr:rowOff>
    </xdr:to>
    <xdr:grpSp>
      <xdr:nvGrpSpPr>
        <xdr:cNvPr id="2" name="グループ化 1">
          <a:extLst>
            <a:ext uri="{FF2B5EF4-FFF2-40B4-BE49-F238E27FC236}">
              <a16:creationId xmlns:a16="http://schemas.microsoft.com/office/drawing/2014/main" id="{AF5656AF-3B0D-4010-A577-27C9B8A1E48D}"/>
            </a:ext>
          </a:extLst>
        </xdr:cNvPr>
        <xdr:cNvGrpSpPr/>
      </xdr:nvGrpSpPr>
      <xdr:grpSpPr>
        <a:xfrm>
          <a:off x="6368355" y="3194423"/>
          <a:ext cx="5393659" cy="4288823"/>
          <a:chOff x="6884857" y="5370416"/>
          <a:chExt cx="3704314" cy="3767803"/>
        </a:xfrm>
      </xdr:grpSpPr>
      <xdr:sp macro="" textlink="">
        <xdr:nvSpPr>
          <xdr:cNvPr id="3" name="テキスト ボックス 4">
            <a:extLst>
              <a:ext uri="{FF2B5EF4-FFF2-40B4-BE49-F238E27FC236}">
                <a16:creationId xmlns:a16="http://schemas.microsoft.com/office/drawing/2014/main" id="{BAB74B6B-2BC5-A893-54DA-905C6E761C7C}"/>
              </a:ext>
            </a:extLst>
          </xdr:cNvPr>
          <xdr:cNvSpPr txBox="1"/>
        </xdr:nvSpPr>
        <xdr:spPr>
          <a:xfrm>
            <a:off x="6884857" y="6800338"/>
            <a:ext cx="3704314" cy="2337881"/>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r>
              <a:rPr lang="ja-JP" altLang="ja-JP" sz="1100">
                <a:effectLst/>
                <a:latin typeface="+mn-lt"/>
                <a:ea typeface="+mn-ea"/>
                <a:cs typeface="+mn-cs"/>
              </a:rPr>
              <a:t>●職員数に応じて必要なライセンス数が変動するなど、</a:t>
            </a:r>
            <a:endParaRPr lang="ja-JP" altLang="ja-JP">
              <a:effectLst/>
            </a:endParaRPr>
          </a:p>
          <a:p>
            <a:r>
              <a:rPr lang="ja-JP" altLang="ja-JP" sz="1100">
                <a:effectLst/>
                <a:latin typeface="+mn-lt"/>
                <a:ea typeface="+mn-ea"/>
                <a:cs typeface="+mn-cs"/>
              </a:rPr>
              <a:t>職員数により合計金額が変動する契約の場合は、</a:t>
            </a:r>
            <a:endParaRPr lang="ja-JP" altLang="ja-JP">
              <a:effectLst/>
            </a:endParaRPr>
          </a:p>
          <a:p>
            <a:r>
              <a:rPr lang="ja-JP" altLang="ja-JP" sz="1100">
                <a:effectLst/>
                <a:latin typeface="+mn-lt"/>
                <a:ea typeface="+mn-ea"/>
                <a:cs typeface="+mn-cs"/>
              </a:rPr>
              <a:t>「Ｅ欄」の基準額は次のとおり選択してください。</a:t>
            </a:r>
            <a:endParaRPr lang="ja-JP" altLang="ja-JP">
              <a:effectLst/>
            </a:endParaRPr>
          </a:p>
          <a:p>
            <a:r>
              <a:rPr lang="en-US" altLang="ja-JP" sz="1100">
                <a:effectLst/>
                <a:latin typeface="+mn-lt"/>
                <a:ea typeface="+mn-ea"/>
                <a:cs typeface="+mn-cs"/>
              </a:rPr>
              <a:t>1</a:t>
            </a:r>
            <a:r>
              <a:rPr lang="ja-JP" altLang="ja-JP" sz="1100">
                <a:effectLst/>
                <a:latin typeface="+mn-lt"/>
                <a:ea typeface="+mn-ea"/>
                <a:cs typeface="+mn-cs"/>
              </a:rPr>
              <a:t>名以上</a:t>
            </a:r>
            <a:r>
              <a:rPr lang="en-US" altLang="ja-JP" sz="1100">
                <a:effectLst/>
                <a:latin typeface="+mn-lt"/>
                <a:ea typeface="+mn-ea"/>
                <a:cs typeface="+mn-cs"/>
              </a:rPr>
              <a:t>10</a:t>
            </a:r>
            <a:r>
              <a:rPr lang="ja-JP" altLang="ja-JP" sz="1100">
                <a:effectLst/>
                <a:latin typeface="+mn-lt"/>
                <a:ea typeface="+mn-ea"/>
                <a:cs typeface="+mn-cs"/>
              </a:rPr>
              <a:t>名以下</a:t>
            </a:r>
            <a:r>
              <a:rPr lang="en-US" altLang="ja-JP" sz="1100">
                <a:effectLst/>
                <a:latin typeface="+mn-lt"/>
                <a:ea typeface="+mn-ea"/>
                <a:cs typeface="+mn-cs"/>
              </a:rPr>
              <a:t>…1,313,000</a:t>
            </a:r>
            <a:r>
              <a:rPr lang="ja-JP" altLang="ja-JP" sz="1100">
                <a:effectLst/>
                <a:latin typeface="+mn-lt"/>
                <a:ea typeface="+mn-ea"/>
                <a:cs typeface="+mn-cs"/>
              </a:rPr>
              <a:t>円／１事業所</a:t>
            </a:r>
            <a:endParaRPr lang="ja-JP" altLang="ja-JP">
              <a:effectLst/>
            </a:endParaRPr>
          </a:p>
          <a:p>
            <a:pPr eaLnBrk="1" fontAlgn="auto" latinLnBrk="0" hangingPunct="1"/>
            <a:r>
              <a:rPr lang="en-US" altLang="ja-JP" sz="1100">
                <a:effectLst/>
                <a:latin typeface="+mn-lt"/>
                <a:ea typeface="+mn-ea"/>
                <a:cs typeface="+mn-cs"/>
              </a:rPr>
              <a:t>11</a:t>
            </a:r>
            <a:r>
              <a:rPr lang="ja-JP" altLang="ja-JP" sz="1100">
                <a:effectLst/>
                <a:latin typeface="+mn-lt"/>
                <a:ea typeface="+mn-ea"/>
                <a:cs typeface="+mn-cs"/>
              </a:rPr>
              <a:t>名以上</a:t>
            </a:r>
            <a:r>
              <a:rPr lang="en-US" altLang="ja-JP" sz="1100">
                <a:effectLst/>
                <a:latin typeface="+mn-lt"/>
                <a:ea typeface="+mn-ea"/>
                <a:cs typeface="+mn-cs"/>
              </a:rPr>
              <a:t>20</a:t>
            </a:r>
            <a:r>
              <a:rPr lang="ja-JP" altLang="ja-JP" sz="1100">
                <a:effectLst/>
                <a:latin typeface="+mn-lt"/>
                <a:ea typeface="+mn-ea"/>
                <a:cs typeface="+mn-cs"/>
              </a:rPr>
              <a:t>名以下</a:t>
            </a:r>
            <a:r>
              <a:rPr lang="en-US" altLang="ja-JP" sz="1100">
                <a:effectLst/>
                <a:latin typeface="+mn-lt"/>
                <a:ea typeface="+mn-ea"/>
                <a:cs typeface="+mn-cs"/>
              </a:rPr>
              <a:t>…1,938,000</a:t>
            </a:r>
            <a:r>
              <a:rPr lang="ja-JP" altLang="ja-JP" sz="1100">
                <a:effectLst/>
                <a:latin typeface="+mn-lt"/>
                <a:ea typeface="+mn-ea"/>
                <a:cs typeface="+mn-cs"/>
              </a:rPr>
              <a:t>円／１事業所</a:t>
            </a:r>
            <a:endParaRPr lang="ja-JP" altLang="ja-JP">
              <a:effectLst/>
            </a:endParaRPr>
          </a:p>
          <a:p>
            <a:pPr eaLnBrk="1" fontAlgn="auto" latinLnBrk="0" hangingPunct="1"/>
            <a:r>
              <a:rPr lang="en-US" altLang="ja-JP" sz="1100">
                <a:effectLst/>
                <a:latin typeface="+mn-lt"/>
                <a:ea typeface="+mn-ea"/>
                <a:cs typeface="+mn-cs"/>
              </a:rPr>
              <a:t>21</a:t>
            </a:r>
            <a:r>
              <a:rPr lang="ja-JP" altLang="ja-JP" sz="1100">
                <a:effectLst/>
                <a:latin typeface="+mn-lt"/>
                <a:ea typeface="+mn-ea"/>
                <a:cs typeface="+mn-cs"/>
              </a:rPr>
              <a:t>名以上</a:t>
            </a:r>
            <a:r>
              <a:rPr lang="en-US" altLang="ja-JP" sz="1100">
                <a:effectLst/>
                <a:latin typeface="+mn-lt"/>
                <a:ea typeface="+mn-ea"/>
                <a:cs typeface="+mn-cs"/>
              </a:rPr>
              <a:t>30</a:t>
            </a:r>
            <a:r>
              <a:rPr lang="ja-JP" altLang="ja-JP" sz="1100">
                <a:effectLst/>
                <a:latin typeface="+mn-lt"/>
                <a:ea typeface="+mn-ea"/>
                <a:cs typeface="+mn-cs"/>
              </a:rPr>
              <a:t>名以下</a:t>
            </a:r>
            <a:r>
              <a:rPr lang="en-US" altLang="ja-JP" sz="1100">
                <a:effectLst/>
                <a:latin typeface="+mn-lt"/>
                <a:ea typeface="+mn-ea"/>
                <a:cs typeface="+mn-cs"/>
              </a:rPr>
              <a:t>…2,563,000</a:t>
            </a:r>
            <a:r>
              <a:rPr lang="ja-JP" altLang="ja-JP" sz="1100">
                <a:effectLst/>
                <a:latin typeface="+mn-lt"/>
                <a:ea typeface="+mn-ea"/>
                <a:cs typeface="+mn-cs"/>
              </a:rPr>
              <a:t>円／１事業所</a:t>
            </a:r>
            <a:endParaRPr lang="ja-JP" altLang="ja-JP">
              <a:effectLst/>
            </a:endParaRPr>
          </a:p>
          <a:p>
            <a:pPr eaLnBrk="1" fontAlgn="auto" latinLnBrk="0" hangingPunct="1"/>
            <a:r>
              <a:rPr lang="en-US" altLang="ja-JP" sz="1100">
                <a:effectLst/>
                <a:latin typeface="+mn-lt"/>
                <a:ea typeface="+mn-ea"/>
                <a:cs typeface="+mn-cs"/>
              </a:rPr>
              <a:t>31</a:t>
            </a:r>
            <a:r>
              <a:rPr lang="ja-JP" altLang="ja-JP" sz="1100">
                <a:effectLst/>
                <a:latin typeface="+mn-lt"/>
                <a:ea typeface="+mn-ea"/>
                <a:cs typeface="+mn-cs"/>
              </a:rPr>
              <a:t>名以上</a:t>
            </a:r>
            <a:r>
              <a:rPr lang="en-US" altLang="ja-JP" sz="1100">
                <a:effectLst/>
                <a:latin typeface="+mn-lt"/>
                <a:ea typeface="+mn-ea"/>
                <a:cs typeface="+mn-cs"/>
              </a:rPr>
              <a:t>…3,188,000</a:t>
            </a:r>
            <a:r>
              <a:rPr lang="ja-JP" altLang="ja-JP" sz="1100">
                <a:effectLst/>
                <a:latin typeface="+mn-lt"/>
                <a:ea typeface="+mn-ea"/>
                <a:cs typeface="+mn-cs"/>
              </a:rPr>
              <a:t>円／１事業所</a:t>
            </a:r>
            <a:endParaRPr lang="ja-JP" altLang="ja-JP">
              <a:effectLst/>
            </a:endParaRPr>
          </a:p>
          <a:p>
            <a:r>
              <a:rPr lang="en-US" altLang="ja-JP" sz="1100">
                <a:effectLst/>
                <a:latin typeface="+mn-lt"/>
                <a:ea typeface="+mn-ea"/>
                <a:cs typeface="+mn-cs"/>
              </a:rPr>
              <a:t>※</a:t>
            </a:r>
            <a:r>
              <a:rPr lang="ja-JP" altLang="ja-JP" sz="1100">
                <a:effectLst/>
                <a:latin typeface="+mn-lt"/>
                <a:ea typeface="+mn-ea"/>
                <a:cs typeface="+mn-cs"/>
              </a:rPr>
              <a:t>人数の算定方法は交付要領の表３をご参照ください。</a:t>
            </a:r>
            <a:endParaRPr lang="ja-JP" altLang="ja-JP">
              <a:effectLst/>
            </a:endParaRPr>
          </a:p>
          <a:p>
            <a:pPr eaLnBrk="1" fontAlgn="auto" latinLnBrk="0" hangingPunct="1"/>
            <a:r>
              <a:rPr lang="ja-JP" altLang="ja-JP" sz="1100">
                <a:effectLst/>
                <a:latin typeface="+mn-lt"/>
                <a:ea typeface="+mn-ea"/>
                <a:cs typeface="+mn-cs"/>
              </a:rPr>
              <a:t>●それ以外の方式の契約の場合</a:t>
            </a:r>
            <a:r>
              <a:rPr lang="en-US" altLang="ja-JP" sz="1100">
                <a:effectLst/>
                <a:latin typeface="+mn-lt"/>
                <a:ea typeface="+mn-ea"/>
                <a:cs typeface="+mn-cs"/>
              </a:rPr>
              <a:t>…3,188,000</a:t>
            </a:r>
            <a:r>
              <a:rPr lang="ja-JP" altLang="ja-JP" sz="1100">
                <a:effectLst/>
                <a:latin typeface="+mn-lt"/>
                <a:ea typeface="+mn-ea"/>
                <a:cs typeface="+mn-cs"/>
              </a:rPr>
              <a:t>円／１事業所</a:t>
            </a:r>
            <a:endParaRPr lang="ja-JP" altLang="ja-JP">
              <a:effectLst/>
            </a:endParaRPr>
          </a:p>
          <a:p>
            <a:pPr eaLnBrk="1" fontAlgn="auto" latinLnBrk="0" hangingPunct="1"/>
            <a:r>
              <a:rPr lang="en-US" altLang="ja-JP" sz="1100">
                <a:solidFill>
                  <a:srgbClr val="FF0000"/>
                </a:solidFill>
                <a:effectLst/>
                <a:latin typeface="+mn-lt"/>
                <a:ea typeface="+mn-ea"/>
                <a:cs typeface="+mn-cs"/>
              </a:rPr>
              <a:t>※</a:t>
            </a:r>
            <a:r>
              <a:rPr lang="ja-JP" altLang="ja-JP" sz="1100">
                <a:solidFill>
                  <a:srgbClr val="FF0000"/>
                </a:solidFill>
                <a:effectLst/>
                <a:latin typeface="+mn-lt"/>
                <a:ea typeface="+mn-ea"/>
                <a:cs typeface="+mn-cs"/>
              </a:rPr>
              <a:t>訪問介護事業所等の居宅サービス事業所又は居宅介護支援事業所（介護予防も含む。）であって、令和７年度中に「ケアプランデータ連携システム」により５事業所以上とデータ連携を実施する場合、基準額に５万円を加算します。</a:t>
            </a:r>
            <a:endParaRPr lang="ja-JP" altLang="ja-JP">
              <a:solidFill>
                <a:srgbClr val="FF0000"/>
              </a:solidFill>
              <a:effectLst/>
            </a:endParaRPr>
          </a:p>
          <a:p>
            <a:pPr eaLnBrk="1" fontAlgn="auto" latinLnBrk="0" hangingPunct="1"/>
            <a:r>
              <a:rPr lang="ja-JP" altLang="ja-JP" sz="1100">
                <a:effectLst/>
                <a:latin typeface="+mn-lt"/>
                <a:ea typeface="+mn-ea"/>
                <a:cs typeface="+mn-cs"/>
              </a:rPr>
              <a:t>●</a:t>
            </a:r>
            <a:r>
              <a:rPr lang="ja-JP" altLang="ja-JP" sz="1100" b="0" i="0" baseline="0">
                <a:effectLst/>
                <a:latin typeface="+mn-lt"/>
                <a:ea typeface="+mn-ea"/>
                <a:cs typeface="+mn-cs"/>
              </a:rPr>
              <a:t>「導入支援と一体的に行う業務改善支援事業」の場合</a:t>
            </a:r>
            <a:r>
              <a:rPr lang="en-US" altLang="ja-JP" sz="1100" b="0" i="0" baseline="0">
                <a:effectLst/>
                <a:latin typeface="+mn-lt"/>
                <a:ea typeface="+mn-ea"/>
                <a:cs typeface="+mn-cs"/>
              </a:rPr>
              <a:t>…600,000</a:t>
            </a:r>
            <a:r>
              <a:rPr lang="ja-JP" altLang="ja-JP" sz="1100" b="0" i="0" baseline="0">
                <a:effectLst/>
                <a:latin typeface="+mn-lt"/>
                <a:ea typeface="+mn-ea"/>
                <a:cs typeface="+mn-cs"/>
              </a:rPr>
              <a:t>円</a:t>
            </a:r>
            <a:r>
              <a:rPr lang="ja-JP" altLang="ja-JP" sz="1100">
                <a:effectLst/>
                <a:latin typeface="+mn-lt"/>
                <a:ea typeface="+mn-ea"/>
                <a:cs typeface="+mn-cs"/>
              </a:rPr>
              <a:t>／１事業所</a:t>
            </a:r>
            <a:endParaRPr lang="ja-JP" altLang="ja-JP">
              <a:effectLst/>
            </a:endParaRPr>
          </a:p>
          <a:p>
            <a:pPr marL="0" marR="0" lvl="0" indent="0" defTabSz="914400" eaLnBrk="1" fontAlgn="auto" latinLnBrk="0" hangingPunct="1">
              <a:lnSpc>
                <a:spcPct val="100000"/>
              </a:lnSpc>
              <a:spcBef>
                <a:spcPts val="0"/>
              </a:spcBef>
              <a:spcAft>
                <a:spcPts val="0"/>
              </a:spcAft>
              <a:buClrTx/>
              <a:buSzTx/>
              <a:buFontTx/>
              <a:buNone/>
              <a:tabLst/>
              <a:defRPr/>
            </a:pPr>
            <a:endParaRPr lang="en-US" altLang="ja-JP" sz="1100">
              <a:effectLst/>
              <a:latin typeface="ＭＳ ゴシック" panose="020B0609070205080204" pitchFamily="49" charset="-128"/>
              <a:ea typeface="ＭＳ ゴシック" panose="020B0609070205080204" pitchFamily="49" charset="-128"/>
              <a:cs typeface="+mn-cs"/>
            </a:endParaRPr>
          </a:p>
        </xdr:txBody>
      </xdr:sp>
      <xdr:cxnSp macro="">
        <xdr:nvCxnSpPr>
          <xdr:cNvPr id="4" name="直線矢印コネクタ 35">
            <a:extLst>
              <a:ext uri="{FF2B5EF4-FFF2-40B4-BE49-F238E27FC236}">
                <a16:creationId xmlns:a16="http://schemas.microsoft.com/office/drawing/2014/main" id="{98102750-B41A-C497-EC57-BF1C65F97C46}"/>
              </a:ext>
            </a:extLst>
          </xdr:cNvPr>
          <xdr:cNvCxnSpPr>
            <a:cxnSpLocks noChangeShapeType="1"/>
          </xdr:cNvCxnSpPr>
        </xdr:nvCxnSpPr>
        <xdr:spPr bwMode="auto">
          <a:xfrm flipH="1" flipV="1">
            <a:off x="7053082" y="5370416"/>
            <a:ext cx="21741" cy="1394945"/>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2</xdr:col>
      <xdr:colOff>240444</xdr:colOff>
      <xdr:row>1</xdr:row>
      <xdr:rowOff>142875</xdr:rowOff>
    </xdr:from>
    <xdr:to>
      <xdr:col>6</xdr:col>
      <xdr:colOff>797857</xdr:colOff>
      <xdr:row>10</xdr:row>
      <xdr:rowOff>0</xdr:rowOff>
    </xdr:to>
    <xdr:grpSp>
      <xdr:nvGrpSpPr>
        <xdr:cNvPr id="5" name="グループ化 4">
          <a:extLst>
            <a:ext uri="{FF2B5EF4-FFF2-40B4-BE49-F238E27FC236}">
              <a16:creationId xmlns:a16="http://schemas.microsoft.com/office/drawing/2014/main" id="{B77DC6C9-B1F5-436D-8CB4-EF6B1C60F738}"/>
            </a:ext>
          </a:extLst>
        </xdr:cNvPr>
        <xdr:cNvGrpSpPr/>
      </xdr:nvGrpSpPr>
      <xdr:grpSpPr>
        <a:xfrm>
          <a:off x="2653444" y="307228"/>
          <a:ext cx="4143295" cy="1358713"/>
          <a:chOff x="2608359" y="233035"/>
          <a:chExt cx="3774214" cy="2812015"/>
        </a:xfrm>
      </xdr:grpSpPr>
      <xdr:sp macro="" textlink="">
        <xdr:nvSpPr>
          <xdr:cNvPr id="6" name="テキスト ボックス 5">
            <a:extLst>
              <a:ext uri="{FF2B5EF4-FFF2-40B4-BE49-F238E27FC236}">
                <a16:creationId xmlns:a16="http://schemas.microsoft.com/office/drawing/2014/main" id="{DC799FB0-7673-B85E-A365-DB8D3B9D21F7}"/>
              </a:ext>
            </a:extLst>
          </xdr:cNvPr>
          <xdr:cNvSpPr txBox="1"/>
        </xdr:nvSpPr>
        <xdr:spPr>
          <a:xfrm>
            <a:off x="2608359" y="233035"/>
            <a:ext cx="3774214" cy="1295631"/>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eaLnBrk="1" fontAlgn="auto" latinLnBrk="0" hangingPunct="1"/>
            <a:r>
              <a:rPr lang="ja-JP" altLang="ja-JP" sz="1100" b="0" i="0" baseline="0">
                <a:effectLst/>
                <a:latin typeface="+mn-lt"/>
                <a:ea typeface="+mn-ea"/>
                <a:cs typeface="+mn-cs"/>
              </a:rPr>
              <a:t>・市町村等ほかの補助金を併用する場合のみ、その金額を記入してください。</a:t>
            </a:r>
            <a:endParaRPr lang="ja-JP" altLang="ja-JP" sz="1050">
              <a:effectLst/>
            </a:endParaRPr>
          </a:p>
          <a:p>
            <a:pPr eaLnBrk="1" fontAlgn="auto" latinLnBrk="0" hangingPunct="1"/>
            <a:r>
              <a:rPr lang="ja-JP" altLang="ja-JP" sz="1100" b="0" i="0" baseline="0">
                <a:effectLst/>
                <a:latin typeface="+mn-lt"/>
                <a:ea typeface="+mn-ea"/>
                <a:cs typeface="+mn-cs"/>
              </a:rPr>
              <a:t>・ない場合は「</a:t>
            </a:r>
            <a:r>
              <a:rPr lang="en-US" altLang="ja-JP" sz="1100" b="0" i="0" baseline="0">
                <a:effectLst/>
                <a:latin typeface="+mn-lt"/>
                <a:ea typeface="+mn-ea"/>
                <a:cs typeface="+mn-cs"/>
              </a:rPr>
              <a:t>0</a:t>
            </a:r>
            <a:r>
              <a:rPr lang="ja-JP" altLang="ja-JP" sz="1100" b="0" i="0" baseline="0">
                <a:effectLst/>
                <a:latin typeface="+mn-lt"/>
                <a:ea typeface="+mn-ea"/>
                <a:cs typeface="+mn-cs"/>
              </a:rPr>
              <a:t>（ゼロ）」を記入してください。</a:t>
            </a:r>
            <a:endParaRPr lang="ja-JP" altLang="ja-JP" sz="1050">
              <a:effectLst/>
            </a:endParaRPr>
          </a:p>
        </xdr:txBody>
      </xdr:sp>
      <xdr:cxnSp macro="">
        <xdr:nvCxnSpPr>
          <xdr:cNvPr id="7" name="直線矢印コネクタ 20">
            <a:extLst>
              <a:ext uri="{FF2B5EF4-FFF2-40B4-BE49-F238E27FC236}">
                <a16:creationId xmlns:a16="http://schemas.microsoft.com/office/drawing/2014/main" id="{7DA012E8-208A-FD05-D077-CEE1F79F2B19}"/>
              </a:ext>
            </a:extLst>
          </xdr:cNvPr>
          <xdr:cNvCxnSpPr>
            <a:cxnSpLocks noChangeShapeType="1"/>
          </xdr:cNvCxnSpPr>
        </xdr:nvCxnSpPr>
        <xdr:spPr bwMode="auto">
          <a:xfrm flipH="1">
            <a:off x="3433912" y="1547159"/>
            <a:ext cx="6931" cy="149789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0</xdr:col>
      <xdr:colOff>314325</xdr:colOff>
      <xdr:row>1</xdr:row>
      <xdr:rowOff>66675</xdr:rowOff>
    </xdr:from>
    <xdr:to>
      <xdr:col>1</xdr:col>
      <xdr:colOff>1006951</xdr:colOff>
      <xdr:row>6</xdr:row>
      <xdr:rowOff>30892</xdr:rowOff>
    </xdr:to>
    <xdr:grpSp>
      <xdr:nvGrpSpPr>
        <xdr:cNvPr id="8" name="グループ化 7">
          <a:extLst>
            <a:ext uri="{FF2B5EF4-FFF2-40B4-BE49-F238E27FC236}">
              <a16:creationId xmlns:a16="http://schemas.microsoft.com/office/drawing/2014/main" id="{6654D584-D60F-468F-A5AB-04F716F227B0}"/>
            </a:ext>
          </a:extLst>
        </xdr:cNvPr>
        <xdr:cNvGrpSpPr/>
      </xdr:nvGrpSpPr>
      <xdr:grpSpPr>
        <a:xfrm>
          <a:off x="314325" y="231028"/>
          <a:ext cx="1992508" cy="711276"/>
          <a:chOff x="2311179" y="248381"/>
          <a:chExt cx="1978501" cy="1164962"/>
        </a:xfrm>
      </xdr:grpSpPr>
      <xdr:sp macro="" textlink="">
        <xdr:nvSpPr>
          <xdr:cNvPr id="9" name="テキスト ボックス 4">
            <a:extLst>
              <a:ext uri="{FF2B5EF4-FFF2-40B4-BE49-F238E27FC236}">
                <a16:creationId xmlns:a16="http://schemas.microsoft.com/office/drawing/2014/main" id="{171A22B3-5278-8A9B-C16A-D87758D22AFF}"/>
              </a:ext>
            </a:extLst>
          </xdr:cNvPr>
          <xdr:cNvSpPr txBox="1"/>
        </xdr:nvSpPr>
        <xdr:spPr>
          <a:xfrm>
            <a:off x="2311179" y="248381"/>
            <a:ext cx="1978501" cy="698403"/>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する主たる機器の種類を選択してください。</a:t>
            </a:r>
            <a:endParaRPr kumimoji="0" lang="en-US" altLang="ja-JP" sz="105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0" name="直線矢印コネクタ 20">
            <a:extLst>
              <a:ext uri="{FF2B5EF4-FFF2-40B4-BE49-F238E27FC236}">
                <a16:creationId xmlns:a16="http://schemas.microsoft.com/office/drawing/2014/main" id="{694F6B6A-1C88-BE06-7286-B117E6D9A50A}"/>
              </a:ext>
            </a:extLst>
          </xdr:cNvPr>
          <xdr:cNvCxnSpPr>
            <a:cxnSpLocks noChangeShapeType="1"/>
          </xdr:cNvCxnSpPr>
        </xdr:nvCxnSpPr>
        <xdr:spPr bwMode="auto">
          <a:xfrm>
            <a:off x="4041581" y="981654"/>
            <a:ext cx="6627" cy="431689"/>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3</xdr:col>
      <xdr:colOff>35861</xdr:colOff>
      <xdr:row>10</xdr:row>
      <xdr:rowOff>82586</xdr:rowOff>
    </xdr:from>
    <xdr:to>
      <xdr:col>18</xdr:col>
      <xdr:colOff>516147</xdr:colOff>
      <xdr:row>12</xdr:row>
      <xdr:rowOff>10868</xdr:rowOff>
    </xdr:to>
    <xdr:grpSp>
      <xdr:nvGrpSpPr>
        <xdr:cNvPr id="17" name="グループ化 16">
          <a:extLst>
            <a:ext uri="{FF2B5EF4-FFF2-40B4-BE49-F238E27FC236}">
              <a16:creationId xmlns:a16="http://schemas.microsoft.com/office/drawing/2014/main" id="{340FEDB9-5825-4C7E-A2A2-C0FDAB9A79AD}"/>
            </a:ext>
          </a:extLst>
        </xdr:cNvPr>
        <xdr:cNvGrpSpPr/>
      </xdr:nvGrpSpPr>
      <xdr:grpSpPr>
        <a:xfrm>
          <a:off x="11734802" y="1748527"/>
          <a:ext cx="3617933" cy="1766047"/>
          <a:chOff x="11860306" y="1850957"/>
          <a:chExt cx="3881436" cy="771037"/>
        </a:xfrm>
      </xdr:grpSpPr>
      <xdr:sp macro="" textlink="">
        <xdr:nvSpPr>
          <xdr:cNvPr id="18" name="テキスト ボックス 4">
            <a:extLst>
              <a:ext uri="{FF2B5EF4-FFF2-40B4-BE49-F238E27FC236}">
                <a16:creationId xmlns:a16="http://schemas.microsoft.com/office/drawing/2014/main" id="{523717E7-A6D8-C072-1778-5329F972DD5A}"/>
              </a:ext>
            </a:extLst>
          </xdr:cNvPr>
          <xdr:cNvSpPr txBox="1"/>
        </xdr:nvSpPr>
        <xdr:spPr>
          <a:xfrm>
            <a:off x="12545884" y="1850957"/>
            <a:ext cx="3195858" cy="771037"/>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ts val="1000"/>
              </a:lnSpc>
              <a:spcBef>
                <a:spcPts val="0"/>
              </a:spcBef>
              <a:spcAft>
                <a:spcPts val="0"/>
              </a:spcAft>
              <a:buClrTx/>
              <a:buSzTx/>
              <a:buFontTx/>
              <a:buNone/>
              <a:tabLst/>
              <a:defRPr/>
            </a:pPr>
            <a:endParaRPr kumimoji="0" lang="en-US" altLang="ja-JP"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職員</a:t>
            </a:r>
            <a:r>
              <a:rPr kumimoji="0" lang="en-US" altLang="ja-JP"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20</a:t>
            </a:r>
            <a:r>
              <a:rPr kumimoji="0" lang="ja-JP" altLang="en-US"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名の事業所で、介護ソフトの導入やその付帯設備の整備で対象経費が</a:t>
            </a:r>
            <a:r>
              <a:rPr kumimoji="0" lang="en-US" altLang="ja-JP"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2,000,000</a:t>
            </a:r>
            <a:r>
              <a:rPr kumimoji="0" lang="ja-JP" altLang="en-US"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円で、令和７年度中に「ケアプランデータ連携システム」により５事業所以上とデータ連携を実施</a:t>
            </a:r>
            <a:endParaRPr kumimoji="0" lang="en-US" altLang="ja-JP"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あわせて、</a:t>
            </a:r>
            <a:r>
              <a:rPr kumimoji="0" lang="ja-JP" altLang="ja-JP" sz="1100" b="0" i="0" u="none" strike="noStrike" kern="100" cap="none" spc="100" normalizeH="0" baseline="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導入にあたってコンサルティング会社等から業務改善を受ける</a:t>
            </a:r>
            <a:r>
              <a:rPr kumimoji="0" lang="ja-JP" altLang="en-US" sz="1100" b="0" i="0" u="none" strike="noStrike" kern="100" cap="none" spc="100" normalizeH="0" baseline="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場合</a:t>
            </a:r>
            <a:endParaRPr kumimoji="0" lang="en-US" altLang="ja-JP" sz="1100" b="0" i="0" u="none" strike="noStrike" kern="100" cap="none" spc="10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9" name="直線矢印コネクタ 35">
            <a:extLst>
              <a:ext uri="{FF2B5EF4-FFF2-40B4-BE49-F238E27FC236}">
                <a16:creationId xmlns:a16="http://schemas.microsoft.com/office/drawing/2014/main" id="{BE109FF2-58ED-F792-610A-D5AE83747D91}"/>
              </a:ext>
            </a:extLst>
          </xdr:cNvPr>
          <xdr:cNvCxnSpPr>
            <a:cxnSpLocks noChangeShapeType="1"/>
          </xdr:cNvCxnSpPr>
        </xdr:nvCxnSpPr>
        <xdr:spPr bwMode="auto">
          <a:xfrm flipH="1">
            <a:off x="11860306" y="2115670"/>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10</xdr:col>
      <xdr:colOff>457202</xdr:colOff>
      <xdr:row>0</xdr:row>
      <xdr:rowOff>161364</xdr:rowOff>
    </xdr:from>
    <xdr:to>
      <xdr:col>11</xdr:col>
      <xdr:colOff>860613</xdr:colOff>
      <xdr:row>3</xdr:row>
      <xdr:rowOff>134471</xdr:rowOff>
    </xdr:to>
    <xdr:sp macro="" textlink="">
      <xdr:nvSpPr>
        <xdr:cNvPr id="29" name="テキスト ボックス 4">
          <a:extLst>
            <a:ext uri="{FF2B5EF4-FFF2-40B4-BE49-F238E27FC236}">
              <a16:creationId xmlns:a16="http://schemas.microsoft.com/office/drawing/2014/main" id="{45695DFF-04F7-44C6-A088-EDF3C284D62A}"/>
            </a:ext>
          </a:extLst>
        </xdr:cNvPr>
        <xdr:cNvSpPr txBox="1"/>
      </xdr:nvSpPr>
      <xdr:spPr>
        <a:xfrm>
          <a:off x="10477502" y="163269"/>
          <a:ext cx="1275901" cy="481742"/>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rPr>
            <a:t>全て税抜</a:t>
          </a:r>
          <a:endParaRPr kumimoji="0" lang="en-US" altLang="ja-JP" sz="2000" b="0" i="0" u="none" strike="noStrike" kern="10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Times New Roman"/>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1196340</xdr:colOff>
      <xdr:row>9</xdr:row>
      <xdr:rowOff>304800</xdr:rowOff>
    </xdr:from>
    <xdr:to>
      <xdr:col>8</xdr:col>
      <xdr:colOff>461196</xdr:colOff>
      <xdr:row>11</xdr:row>
      <xdr:rowOff>251460</xdr:rowOff>
    </xdr:to>
    <xdr:grpSp>
      <xdr:nvGrpSpPr>
        <xdr:cNvPr id="2" name="グループ化 1">
          <a:extLst>
            <a:ext uri="{FF2B5EF4-FFF2-40B4-BE49-F238E27FC236}">
              <a16:creationId xmlns:a16="http://schemas.microsoft.com/office/drawing/2014/main" id="{E72A6EFC-92D3-44AC-B2B0-37949C5EB38F}"/>
            </a:ext>
          </a:extLst>
        </xdr:cNvPr>
        <xdr:cNvGrpSpPr/>
      </xdr:nvGrpSpPr>
      <xdr:grpSpPr>
        <a:xfrm>
          <a:off x="4892040" y="3257550"/>
          <a:ext cx="3659056" cy="581660"/>
          <a:chOff x="12100889" y="1795281"/>
          <a:chExt cx="3895164" cy="637308"/>
        </a:xfrm>
      </xdr:grpSpPr>
      <xdr:sp macro="" textlink="">
        <xdr:nvSpPr>
          <xdr:cNvPr id="3" name="テキスト ボックス 4">
            <a:extLst>
              <a:ext uri="{FF2B5EF4-FFF2-40B4-BE49-F238E27FC236}">
                <a16:creationId xmlns:a16="http://schemas.microsoft.com/office/drawing/2014/main" id="{6554B20B-8D5F-8BE6-586F-0E91C357AB92}"/>
              </a:ext>
            </a:extLst>
          </xdr:cNvPr>
          <xdr:cNvSpPr txBox="1"/>
        </xdr:nvSpPr>
        <xdr:spPr>
          <a:xfrm>
            <a:off x="12800195" y="1795281"/>
            <a:ext cx="3195858"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単位は自動で反映されますので、半角数字のみ記入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4" name="直線矢印コネクタ 35">
            <a:extLst>
              <a:ext uri="{FF2B5EF4-FFF2-40B4-BE49-F238E27FC236}">
                <a16:creationId xmlns:a16="http://schemas.microsoft.com/office/drawing/2014/main" id="{2A533F2F-2C8C-76B3-F213-8952C8593D84}"/>
              </a:ext>
            </a:extLst>
          </xdr:cNvPr>
          <xdr:cNvCxnSpPr>
            <a:cxnSpLocks noChangeShapeType="1"/>
          </xdr:cNvCxnSpPr>
        </xdr:nvCxnSpPr>
        <xdr:spPr bwMode="auto">
          <a:xfrm flipH="1">
            <a:off x="12100889" y="1948989"/>
            <a:ext cx="609600"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6</xdr:col>
      <xdr:colOff>1203960</xdr:colOff>
      <xdr:row>11</xdr:row>
      <xdr:rowOff>144780</xdr:rowOff>
    </xdr:from>
    <xdr:to>
      <xdr:col>6</xdr:col>
      <xdr:colOff>1763888</xdr:colOff>
      <xdr:row>11</xdr:row>
      <xdr:rowOff>144781</xdr:rowOff>
    </xdr:to>
    <xdr:cxnSp macro="">
      <xdr:nvCxnSpPr>
        <xdr:cNvPr id="5" name="直線矢印コネクタ 35">
          <a:extLst>
            <a:ext uri="{FF2B5EF4-FFF2-40B4-BE49-F238E27FC236}">
              <a16:creationId xmlns:a16="http://schemas.microsoft.com/office/drawing/2014/main" id="{E9A6F95E-B9FD-41D2-AF35-8FFED1F3D311}"/>
            </a:ext>
          </a:extLst>
        </xdr:cNvPr>
        <xdr:cNvCxnSpPr>
          <a:cxnSpLocks noChangeShapeType="1"/>
        </xdr:cNvCxnSpPr>
      </xdr:nvCxnSpPr>
      <xdr:spPr bwMode="auto">
        <a:xfrm flipH="1">
          <a:off x="4829175" y="3714750"/>
          <a:ext cx="565643" cy="1"/>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7</xdr:col>
      <xdr:colOff>350520</xdr:colOff>
      <xdr:row>12</xdr:row>
      <xdr:rowOff>53340</xdr:rowOff>
    </xdr:from>
    <xdr:to>
      <xdr:col>7</xdr:col>
      <xdr:colOff>365760</xdr:colOff>
      <xdr:row>19</xdr:row>
      <xdr:rowOff>121920</xdr:rowOff>
    </xdr:to>
    <xdr:cxnSp macro="">
      <xdr:nvCxnSpPr>
        <xdr:cNvPr id="7" name="直線矢印コネクタ 20">
          <a:extLst>
            <a:ext uri="{FF2B5EF4-FFF2-40B4-BE49-F238E27FC236}">
              <a16:creationId xmlns:a16="http://schemas.microsoft.com/office/drawing/2014/main" id="{19B75CF5-42B5-4311-AD96-EC73D76F24A4}"/>
            </a:ext>
          </a:extLst>
        </xdr:cNvPr>
        <xdr:cNvCxnSpPr>
          <a:cxnSpLocks noChangeShapeType="1"/>
        </xdr:cNvCxnSpPr>
      </xdr:nvCxnSpPr>
      <xdr:spPr bwMode="auto">
        <a:xfrm>
          <a:off x="7724775" y="3943350"/>
          <a:ext cx="9525" cy="222885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899160</xdr:colOff>
      <xdr:row>13</xdr:row>
      <xdr:rowOff>91440</xdr:rowOff>
    </xdr:from>
    <xdr:to>
      <xdr:col>7</xdr:col>
      <xdr:colOff>222636</xdr:colOff>
      <xdr:row>17</xdr:row>
      <xdr:rowOff>256760</xdr:rowOff>
    </xdr:to>
    <xdr:grpSp>
      <xdr:nvGrpSpPr>
        <xdr:cNvPr id="8" name="グループ化 7">
          <a:extLst>
            <a:ext uri="{FF2B5EF4-FFF2-40B4-BE49-F238E27FC236}">
              <a16:creationId xmlns:a16="http://schemas.microsoft.com/office/drawing/2014/main" id="{884BF3D7-971F-42AE-BDB2-9CFFCD68A17C}"/>
            </a:ext>
          </a:extLst>
        </xdr:cNvPr>
        <xdr:cNvGrpSpPr/>
      </xdr:nvGrpSpPr>
      <xdr:grpSpPr>
        <a:xfrm>
          <a:off x="3020060" y="4314190"/>
          <a:ext cx="4708276" cy="1498820"/>
          <a:chOff x="11899433" y="1728985"/>
          <a:chExt cx="5019922" cy="1391896"/>
        </a:xfrm>
      </xdr:grpSpPr>
      <xdr:sp macro="" textlink="">
        <xdr:nvSpPr>
          <xdr:cNvPr id="9" name="テキスト ボックス 4">
            <a:extLst>
              <a:ext uri="{FF2B5EF4-FFF2-40B4-BE49-F238E27FC236}">
                <a16:creationId xmlns:a16="http://schemas.microsoft.com/office/drawing/2014/main" id="{57263474-3214-3FF2-C55D-0AC480C9F1BA}"/>
              </a:ext>
            </a:extLst>
          </xdr:cNvPr>
          <xdr:cNvSpPr txBox="1"/>
        </xdr:nvSpPr>
        <xdr:spPr>
          <a:xfrm>
            <a:off x="11899433" y="2483573"/>
            <a:ext cx="5019922" cy="637308"/>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eaLnBrk="1" fontAlgn="auto" latinLnBrk="0" hangingPunct="1"/>
            <a:r>
              <a:rPr lang="ja-JP" altLang="ja-JP" sz="1100" b="0" i="0" baseline="0">
                <a:effectLst/>
                <a:latin typeface="+mn-lt"/>
                <a:ea typeface="+mn-ea"/>
                <a:cs typeface="+mn-cs"/>
              </a:rPr>
              <a:t>オ　対象経費の実支出予定額</a:t>
            </a:r>
            <a:r>
              <a:rPr lang="en-US" altLang="ja-JP" sz="1100" b="0" i="0" baseline="0">
                <a:effectLst/>
                <a:latin typeface="+mn-lt"/>
                <a:ea typeface="+mn-ea"/>
                <a:cs typeface="+mn-cs"/>
              </a:rPr>
              <a:t>…</a:t>
            </a:r>
            <a:r>
              <a:rPr lang="ja-JP" altLang="ja-JP" sz="1100" b="0" i="0" baseline="0">
                <a:effectLst/>
                <a:latin typeface="+mn-lt"/>
                <a:ea typeface="+mn-ea"/>
                <a:cs typeface="+mn-cs"/>
              </a:rPr>
              <a:t>様式２「Ｄ欄」の該当事業所の金額</a:t>
            </a:r>
            <a:endParaRPr lang="ja-JP" altLang="ja-JP">
              <a:effectLst/>
            </a:endParaRPr>
          </a:p>
          <a:p>
            <a:pPr eaLnBrk="1" fontAlgn="auto" latinLnBrk="0" hangingPunct="1"/>
            <a:r>
              <a:rPr lang="ja-JP" altLang="ja-JP" sz="1100" b="0" i="0" baseline="0">
                <a:effectLst/>
                <a:latin typeface="+mn-lt"/>
                <a:ea typeface="+mn-ea"/>
                <a:cs typeface="+mn-cs"/>
              </a:rPr>
              <a:t>カ　補助基準額</a:t>
            </a:r>
            <a:r>
              <a:rPr lang="en-US" altLang="ja-JP" sz="1100" b="0" i="0" baseline="0">
                <a:effectLst/>
                <a:latin typeface="+mn-lt"/>
                <a:ea typeface="+mn-ea"/>
                <a:cs typeface="+mn-cs"/>
              </a:rPr>
              <a:t>…</a:t>
            </a:r>
            <a:r>
              <a:rPr lang="ja-JP" altLang="ja-JP" sz="1100" b="0" i="0" baseline="0">
                <a:effectLst/>
                <a:latin typeface="+mn-lt"/>
                <a:ea typeface="+mn-ea"/>
                <a:cs typeface="+mn-cs"/>
              </a:rPr>
              <a:t>様式２「Ｅ欄」の該当事業所の金額</a:t>
            </a:r>
            <a:endParaRPr lang="ja-JP" altLang="ja-JP">
              <a:effectLst/>
            </a:endParaRPr>
          </a:p>
          <a:p>
            <a:pPr eaLnBrk="1" fontAlgn="auto" latinLnBrk="0" hangingPunct="1"/>
            <a:r>
              <a:rPr lang="ja-JP" altLang="ja-JP" sz="1100" b="0" i="0" baseline="0">
                <a:effectLst/>
                <a:latin typeface="+mn-lt"/>
                <a:ea typeface="+mn-ea"/>
                <a:cs typeface="+mn-cs"/>
              </a:rPr>
              <a:t>キ　補助金所要額</a:t>
            </a:r>
            <a:r>
              <a:rPr lang="en-US" altLang="ja-JP" sz="1100" b="0" i="0" baseline="0">
                <a:effectLst/>
                <a:latin typeface="+mn-lt"/>
                <a:ea typeface="+mn-ea"/>
                <a:cs typeface="+mn-cs"/>
              </a:rPr>
              <a:t>…</a:t>
            </a:r>
            <a:r>
              <a:rPr lang="ja-JP" altLang="ja-JP" sz="1100" b="0" i="0" baseline="0">
                <a:effectLst/>
                <a:latin typeface="+mn-lt"/>
                <a:ea typeface="+mn-ea"/>
                <a:cs typeface="+mn-cs"/>
              </a:rPr>
              <a:t>様式２「</a:t>
            </a:r>
            <a:r>
              <a:rPr lang="ja-JP" altLang="en-US" sz="1100" b="0" i="0" baseline="0">
                <a:effectLst/>
                <a:latin typeface="+mn-lt"/>
                <a:ea typeface="+mn-ea"/>
                <a:cs typeface="+mn-cs"/>
              </a:rPr>
              <a:t>Ｊ</a:t>
            </a:r>
            <a:r>
              <a:rPr lang="ja-JP" altLang="ja-JP" sz="1100" b="0" i="0" baseline="0">
                <a:effectLst/>
                <a:latin typeface="+mn-lt"/>
                <a:ea typeface="+mn-ea"/>
                <a:cs typeface="+mn-cs"/>
              </a:rPr>
              <a:t>欄」の該当事業所の金額</a:t>
            </a:r>
            <a:endParaRPr lang="ja-JP" altLang="ja-JP">
              <a:effectLst/>
            </a:endParaRPr>
          </a:p>
        </xdr:txBody>
      </xdr:sp>
      <xdr:cxnSp macro="">
        <xdr:nvCxnSpPr>
          <xdr:cNvPr id="10" name="直線矢印コネクタ 35">
            <a:extLst>
              <a:ext uri="{FF2B5EF4-FFF2-40B4-BE49-F238E27FC236}">
                <a16:creationId xmlns:a16="http://schemas.microsoft.com/office/drawing/2014/main" id="{E7A27BD2-DE0D-7EE7-62DF-9D4863AA9975}"/>
              </a:ext>
            </a:extLst>
          </xdr:cNvPr>
          <xdr:cNvCxnSpPr>
            <a:cxnSpLocks noChangeShapeType="1"/>
          </xdr:cNvCxnSpPr>
        </xdr:nvCxnSpPr>
        <xdr:spPr bwMode="auto">
          <a:xfrm flipH="1" flipV="1">
            <a:off x="13649554" y="1728985"/>
            <a:ext cx="911303" cy="730120"/>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twoCellAnchor>
    <xdr:from>
      <xdr:col>6</xdr:col>
      <xdr:colOff>1554480</xdr:colOff>
      <xdr:row>5</xdr:row>
      <xdr:rowOff>327661</xdr:rowOff>
    </xdr:from>
    <xdr:to>
      <xdr:col>7</xdr:col>
      <xdr:colOff>360460</xdr:colOff>
      <xdr:row>8</xdr:row>
      <xdr:rowOff>198121</xdr:rowOff>
    </xdr:to>
    <xdr:grpSp>
      <xdr:nvGrpSpPr>
        <xdr:cNvPr id="11" name="グループ化 10">
          <a:extLst>
            <a:ext uri="{FF2B5EF4-FFF2-40B4-BE49-F238E27FC236}">
              <a16:creationId xmlns:a16="http://schemas.microsoft.com/office/drawing/2014/main" id="{36383A01-1ED1-4434-9CBB-D3DF0771DE4F}"/>
            </a:ext>
          </a:extLst>
        </xdr:cNvPr>
        <xdr:cNvGrpSpPr/>
      </xdr:nvGrpSpPr>
      <xdr:grpSpPr>
        <a:xfrm>
          <a:off x="5250180" y="1946911"/>
          <a:ext cx="2615980" cy="886460"/>
          <a:chOff x="13817968" y="2794453"/>
          <a:chExt cx="2747976" cy="1028872"/>
        </a:xfrm>
      </xdr:grpSpPr>
      <xdr:sp macro="" textlink="">
        <xdr:nvSpPr>
          <xdr:cNvPr id="12" name="テキスト ボックス 4">
            <a:extLst>
              <a:ext uri="{FF2B5EF4-FFF2-40B4-BE49-F238E27FC236}">
                <a16:creationId xmlns:a16="http://schemas.microsoft.com/office/drawing/2014/main" id="{DBE0E1DE-5D82-2380-EB72-B6FC530E7E39}"/>
              </a:ext>
            </a:extLst>
          </xdr:cNvPr>
          <xdr:cNvSpPr txBox="1"/>
        </xdr:nvSpPr>
        <xdr:spPr>
          <a:xfrm>
            <a:off x="13823417" y="2794453"/>
            <a:ext cx="2742527" cy="319025"/>
          </a:xfrm>
          <a:prstGeom prst="rect">
            <a:avLst/>
          </a:prstGeom>
          <a:solidFill>
            <a:schemeClr val="accent5">
              <a:lumMod val="20000"/>
              <a:lumOff val="80000"/>
            </a:schemeClr>
          </a:solidFill>
          <a:ln w="19050">
            <a:solidFill>
              <a:prstClr val="black"/>
            </a:solidFill>
          </a:ln>
          <a:effectLst/>
        </xdr:spPr>
        <xdr: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rPr>
              <a:t>該当のサービスを選択してください。</a:t>
            </a:r>
            <a:endParaRPr kumimoji="0" lang="en-US" altLang="ja-JP" sz="1100" b="0" i="0" u="none" strike="noStrike" kern="10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Times New Roman"/>
            </a:endParaRPr>
          </a:p>
        </xdr:txBody>
      </xdr:sp>
      <xdr:cxnSp macro="">
        <xdr:nvCxnSpPr>
          <xdr:cNvPr id="13" name="直線矢印コネクタ 35">
            <a:extLst>
              <a:ext uri="{FF2B5EF4-FFF2-40B4-BE49-F238E27FC236}">
                <a16:creationId xmlns:a16="http://schemas.microsoft.com/office/drawing/2014/main" id="{FB259359-4AFF-79E8-6309-E58A0E78D461}"/>
              </a:ext>
            </a:extLst>
          </xdr:cNvPr>
          <xdr:cNvCxnSpPr>
            <a:cxnSpLocks noChangeShapeType="1"/>
          </xdr:cNvCxnSpPr>
        </xdr:nvCxnSpPr>
        <xdr:spPr bwMode="auto">
          <a:xfrm flipH="1">
            <a:off x="13817968" y="3127542"/>
            <a:ext cx="1651669" cy="695783"/>
          </a:xfrm>
          <a:prstGeom prst="straightConnector1">
            <a:avLst/>
          </a:prstGeom>
          <a:noFill/>
          <a:ln w="19050" algn="ctr">
            <a:solidFill>
              <a:srgbClr val="000000"/>
            </a:solidFill>
            <a:round/>
            <a:headEnd/>
            <a:tailEnd type="arrow" w="med" len="med"/>
          </a:ln>
          <a:extLst>
            <a:ext uri="{909E8E84-426E-40DD-AFC4-6F175D3DCCD1}">
              <a14:hiddenFill xmlns:a14="http://schemas.microsoft.com/office/drawing/2010/main">
                <a:noFill/>
              </a14:hiddenFill>
            </a:ext>
          </a:extLst>
        </xdr:spPr>
      </xdr:cxnSp>
    </xdr:grp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T:\03&#31119;&#31049;&#26045;&#35373;&#65319;\07_&#20171;&#35703;&#12525;&#12508;&#12483;&#12488;&#12539;ICT\2025\01_&#35201;&#32177;&#12539;&#35201;&#38936;&#12539;&#30003;&#35531;&#23455;&#32318;&#27096;&#24335;\02_&#30476;&#65288;&#22269;&#24235;&#65289;\03_&#26045;&#34892;\&#30003;&#35531;&#23455;&#32318;&#27096;&#24335;&#65288;&#26412;&#30058;&#29992;&#65289;\02_&#12304;&#20171;&#35703;&#12486;&#12463;&#12494;&#12525;&#12472;&#12540;&#31561;&#65288;&#20171;&#35703;&#12477;&#12501;&#12488;&#65289;&#12305;&#20132;&#20184;&#35201;&#32177;&#27096;&#24335;&#65288;1&#12289;1&#20184;&#34920;&#12289;2&#12289;3&#12289;8&#12289;9&#65289;&#12304;&#35352;&#36617;&#20363;ver.2&#12305;.XLSX" TargetMode="External"/><Relationship Id="rId1" Type="http://schemas.openxmlformats.org/officeDocument/2006/relationships/externalLinkPath" Target="02_&#12304;&#20171;&#35703;&#12486;&#12463;&#12494;&#12525;&#12472;&#12540;&#31561;&#65288;&#20171;&#35703;&#12477;&#12501;&#12488;&#65289;&#12305;&#20132;&#20184;&#35201;&#32177;&#27096;&#24335;&#65288;1&#12289;1&#20184;&#34920;&#12289;2&#12289;3&#12289;8&#12289;9&#65289;&#12304;&#35352;&#36617;&#20363;ver.2&#1230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交付申請書（様式１）"/>
      <sheetName val="様式１　付表"/>
      <sheetName val="【介護テクノロジー（介護ソフト）】所要額調書(様式２)"/>
      <sheetName val="事業計画書（様式３）"/>
      <sheetName val="予算書抄本"/>
      <sheetName val="データ"/>
    </sheetNames>
    <sheetDataSet>
      <sheetData sheetId="0">
        <row r="5">
          <cell r="F5" t="str">
            <v>社会福祉法人 かながわ</v>
          </cell>
        </row>
      </sheetData>
      <sheetData sheetId="1"/>
      <sheetData sheetId="2"/>
      <sheetData sheetId="3"/>
      <sheetData sheetId="4"/>
      <sheetData sheetId="5"/>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topLeftCell="A25" zoomScale="115" zoomScaleNormal="130" zoomScaleSheetLayoutView="115" workbookViewId="0">
      <selection activeCell="A9" sqref="A9"/>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24" t="s">
        <v>121</v>
      </c>
      <c r="B1" s="24"/>
      <c r="C1" s="24"/>
      <c r="D1" s="24"/>
      <c r="E1" s="24"/>
      <c r="F1" s="24"/>
    </row>
    <row r="2" spans="1:7" ht="25" customHeight="1">
      <c r="A2" s="24"/>
      <c r="B2" s="24"/>
      <c r="C2" s="24"/>
      <c r="D2" s="24"/>
      <c r="E2" s="85"/>
      <c r="F2" s="84">
        <v>46235</v>
      </c>
    </row>
    <row r="3" spans="1:7" ht="25" customHeight="1">
      <c r="A3" s="24" t="s">
        <v>122</v>
      </c>
      <c r="B3" s="24"/>
      <c r="C3" s="24"/>
      <c r="D3" s="24"/>
      <c r="E3" s="24"/>
      <c r="F3" s="24"/>
    </row>
    <row r="4" spans="1:7" ht="25" customHeight="1">
      <c r="A4" s="24"/>
      <c r="B4" s="24"/>
      <c r="C4" s="24"/>
      <c r="D4" s="53"/>
      <c r="E4" s="31" t="s">
        <v>123</v>
      </c>
      <c r="F4" s="82" t="s">
        <v>256</v>
      </c>
    </row>
    <row r="5" spans="1:7" ht="25" customHeight="1">
      <c r="A5" s="24"/>
      <c r="B5" s="24"/>
      <c r="C5" s="24"/>
      <c r="D5" s="24"/>
      <c r="E5" s="32" t="s">
        <v>124</v>
      </c>
      <c r="F5" s="83" t="s">
        <v>255</v>
      </c>
    </row>
    <row r="6" spans="1:7" ht="25" customHeight="1">
      <c r="A6" s="24"/>
      <c r="B6" s="24"/>
      <c r="C6" s="24"/>
      <c r="D6" s="24"/>
      <c r="E6" s="59" t="s">
        <v>262</v>
      </c>
      <c r="F6" s="82" t="s">
        <v>254</v>
      </c>
    </row>
    <row r="7" spans="1:7" ht="25" customHeight="1">
      <c r="A7" s="24"/>
      <c r="B7" s="24"/>
      <c r="C7" s="24"/>
      <c r="D7" s="24"/>
      <c r="E7" s="24"/>
      <c r="F7" s="24"/>
    </row>
    <row r="8" spans="1:7" ht="25" customHeight="1">
      <c r="A8" s="26" t="s">
        <v>302</v>
      </c>
      <c r="B8" s="27"/>
      <c r="C8" s="27"/>
      <c r="D8" s="27"/>
      <c r="E8" s="27"/>
      <c r="F8" s="27"/>
    </row>
    <row r="9" spans="1:7" ht="25" customHeight="1">
      <c r="A9" s="24"/>
      <c r="B9" s="24"/>
      <c r="C9" s="24"/>
      <c r="D9" s="24"/>
      <c r="E9" s="24"/>
      <c r="F9" s="24"/>
    </row>
    <row r="10" spans="1:7" ht="25" customHeight="1">
      <c r="A10" s="24" t="s">
        <v>125</v>
      </c>
      <c r="B10" s="24"/>
      <c r="C10" s="24"/>
      <c r="D10" s="24"/>
      <c r="E10" s="24"/>
      <c r="F10" s="24"/>
    </row>
    <row r="11" spans="1:7" ht="25" customHeight="1">
      <c r="A11" s="24"/>
      <c r="B11" s="24"/>
      <c r="C11" s="24"/>
      <c r="D11" s="24"/>
      <c r="E11" s="24"/>
      <c r="F11" s="24"/>
    </row>
    <row r="12" spans="1:7" ht="25" customHeight="1">
      <c r="A12" s="28" t="s">
        <v>126</v>
      </c>
      <c r="B12" s="24"/>
      <c r="C12" s="24"/>
      <c r="D12" s="79" t="s">
        <v>243</v>
      </c>
      <c r="E12" s="54"/>
      <c r="F12" s="54"/>
      <c r="G12" s="55"/>
    </row>
    <row r="13" spans="1:7" ht="25" customHeight="1">
      <c r="A13" s="24"/>
      <c r="B13" s="24"/>
      <c r="C13" s="24"/>
      <c r="D13" s="24"/>
      <c r="E13" s="24"/>
      <c r="F13" s="24"/>
    </row>
    <row r="14" spans="1:7" ht="25" customHeight="1">
      <c r="A14" s="28" t="s">
        <v>127</v>
      </c>
      <c r="B14" s="24"/>
      <c r="C14" s="53" t="s">
        <v>154</v>
      </c>
      <c r="D14" s="116">
        <f>'【介護テクノロジー（介護ソフト）】所要額調書(様式２)'!L13</f>
        <v>1210000</v>
      </c>
      <c r="E14" s="56" t="s">
        <v>155</v>
      </c>
      <c r="F14" s="56"/>
    </row>
    <row r="15" spans="1:7" ht="25" customHeight="1">
      <c r="A15" s="24"/>
      <c r="B15" s="24"/>
      <c r="C15" s="24"/>
      <c r="D15" s="90"/>
      <c r="E15" s="91"/>
      <c r="F15" s="24"/>
    </row>
    <row r="16" spans="1:7" ht="25" customHeight="1">
      <c r="A16" s="28" t="s">
        <v>128</v>
      </c>
      <c r="B16" s="24"/>
      <c r="C16" s="24"/>
      <c r="D16" s="24" t="s">
        <v>129</v>
      </c>
      <c r="E16" s="24"/>
      <c r="F16" s="24"/>
    </row>
    <row r="17" spans="1:6" ht="25" customHeight="1">
      <c r="A17" s="24"/>
      <c r="B17" s="24"/>
      <c r="C17" s="24"/>
      <c r="D17" s="24"/>
      <c r="E17" s="24"/>
      <c r="F17" s="24"/>
    </row>
    <row r="18" spans="1:6" ht="25" customHeight="1">
      <c r="A18" s="28" t="s">
        <v>130</v>
      </c>
      <c r="B18" s="24"/>
      <c r="C18" s="24"/>
      <c r="D18" s="24" t="s">
        <v>131</v>
      </c>
      <c r="E18" s="24"/>
      <c r="F18" s="24"/>
    </row>
    <row r="19" spans="1:6" ht="25" customHeight="1">
      <c r="A19" s="24"/>
      <c r="B19" s="24"/>
      <c r="C19" s="24"/>
      <c r="D19" s="24"/>
      <c r="E19" s="24"/>
      <c r="F19" s="24"/>
    </row>
    <row r="20" spans="1:6" ht="25" customHeight="1">
      <c r="A20" s="28" t="s">
        <v>132</v>
      </c>
      <c r="B20" s="24"/>
      <c r="C20" s="24"/>
      <c r="D20" s="24"/>
      <c r="E20" s="24"/>
      <c r="F20" s="24"/>
    </row>
    <row r="21" spans="1:6" ht="25" customHeight="1">
      <c r="A21" s="24"/>
      <c r="B21" s="24" t="s">
        <v>143</v>
      </c>
      <c r="C21" s="24"/>
      <c r="D21" s="24"/>
      <c r="E21" s="24"/>
      <c r="F21" s="24"/>
    </row>
    <row r="22" spans="1:6" ht="25" customHeight="1">
      <c r="A22" s="24"/>
      <c r="B22" s="24" t="s">
        <v>133</v>
      </c>
      <c r="C22" s="24"/>
      <c r="D22" s="24"/>
      <c r="E22" s="24"/>
      <c r="F22" s="24"/>
    </row>
    <row r="23" spans="1:6" ht="25" customHeight="1">
      <c r="A23" s="24"/>
      <c r="B23" s="24" t="s">
        <v>134</v>
      </c>
      <c r="C23" s="24"/>
      <c r="D23" s="24"/>
      <c r="E23" s="24"/>
      <c r="F23" s="24"/>
    </row>
    <row r="24" spans="1:6" ht="25" customHeight="1">
      <c r="A24" s="24"/>
      <c r="B24" s="24"/>
      <c r="C24" s="24"/>
      <c r="D24" s="24"/>
      <c r="E24" s="24"/>
      <c r="F24" s="24"/>
    </row>
    <row r="25" spans="1:6" ht="25" customHeight="1">
      <c r="A25" s="24"/>
      <c r="B25" s="24" t="s">
        <v>135</v>
      </c>
      <c r="C25" s="24"/>
      <c r="D25" s="24"/>
      <c r="E25" s="24"/>
      <c r="F25" s="24"/>
    </row>
    <row r="26" spans="1:6" ht="25" customHeight="1">
      <c r="A26" s="24"/>
      <c r="B26" s="24"/>
      <c r="C26" s="24"/>
      <c r="D26" s="24"/>
      <c r="E26" s="24"/>
      <c r="F26" s="24"/>
    </row>
    <row r="27" spans="1:6" ht="25" customHeight="1">
      <c r="A27" s="24"/>
      <c r="B27" s="24" t="s">
        <v>136</v>
      </c>
      <c r="C27" s="24"/>
      <c r="D27" s="24"/>
      <c r="E27" s="24"/>
      <c r="F27" s="25"/>
    </row>
    <row r="28" spans="1:6" ht="25" customHeight="1">
      <c r="A28" s="24"/>
      <c r="B28" s="29" t="s">
        <v>137</v>
      </c>
      <c r="C28" s="57" t="s">
        <v>138</v>
      </c>
      <c r="D28" s="88" t="s">
        <v>257</v>
      </c>
      <c r="E28" s="52"/>
      <c r="F28" s="52"/>
    </row>
    <row r="29" spans="1:6" ht="25" customHeight="1">
      <c r="A29" s="24"/>
      <c r="B29" s="24"/>
      <c r="C29" s="58" t="s">
        <v>139</v>
      </c>
      <c r="D29" s="89" t="s">
        <v>258</v>
      </c>
      <c r="E29" s="52"/>
      <c r="F29" s="52"/>
    </row>
    <row r="30" spans="1:6" ht="25" customHeight="1">
      <c r="A30" s="24"/>
      <c r="B30" s="24"/>
      <c r="C30" s="58" t="s">
        <v>140</v>
      </c>
      <c r="D30" s="89" t="s">
        <v>259</v>
      </c>
      <c r="E30" s="52"/>
      <c r="F30" s="52"/>
    </row>
    <row r="31" spans="1:6" ht="25" customHeight="1">
      <c r="A31" s="24"/>
      <c r="B31" s="24"/>
      <c r="C31" s="24"/>
      <c r="D31" s="52"/>
      <c r="E31" s="52"/>
      <c r="F31" s="52"/>
    </row>
    <row r="32" spans="1:6" ht="25" customHeight="1">
      <c r="A32" s="24"/>
      <c r="B32" s="24"/>
      <c r="C32" s="24"/>
      <c r="D32" s="30"/>
      <c r="E32" s="30"/>
      <c r="F32" s="30"/>
    </row>
    <row r="33" spans="1:6" ht="25" customHeight="1">
      <c r="A33" s="24"/>
      <c r="B33" s="29" t="s">
        <v>141</v>
      </c>
      <c r="C33" s="57" t="s">
        <v>138</v>
      </c>
      <c r="D33" s="88" t="s">
        <v>260</v>
      </c>
      <c r="E33" s="52"/>
      <c r="F33" s="52"/>
    </row>
    <row r="34" spans="1:6" ht="25" customHeight="1">
      <c r="A34" s="24"/>
      <c r="B34" s="24"/>
      <c r="C34" s="58" t="s">
        <v>139</v>
      </c>
      <c r="D34" s="89" t="s">
        <v>258</v>
      </c>
      <c r="E34" s="52"/>
      <c r="F34" s="52"/>
    </row>
    <row r="35" spans="1:6" ht="25" customHeight="1">
      <c r="A35" s="24"/>
      <c r="B35" s="24"/>
      <c r="C35" s="58" t="s">
        <v>140</v>
      </c>
      <c r="D35" s="89" t="s">
        <v>261</v>
      </c>
      <c r="E35" s="52"/>
      <c r="F35" s="52"/>
    </row>
    <row r="36" spans="1:6" ht="25" customHeight="1">
      <c r="A36" s="24"/>
      <c r="B36" s="24"/>
      <c r="C36" s="24"/>
      <c r="D36" s="52"/>
      <c r="E36" s="52"/>
      <c r="F36" s="52"/>
    </row>
  </sheetData>
  <phoneticPr fontId="4"/>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zoomScale="115" zoomScaleNormal="100" zoomScaleSheetLayoutView="115" workbookViewId="0">
      <selection activeCell="F4" sqref="F4:I4"/>
    </sheetView>
  </sheetViews>
  <sheetFormatPr defaultColWidth="9.54296875" defaultRowHeight="11.5"/>
  <cols>
    <col min="1" max="1" width="14.08984375" style="22" customWidth="1"/>
    <col min="2" max="5" width="9.08984375" style="22" customWidth="1"/>
    <col min="6" max="9" width="5" style="22" customWidth="1"/>
    <col min="10" max="10" width="18.1796875" style="22" customWidth="1"/>
    <col min="11" max="16" width="5" style="22" customWidth="1"/>
    <col min="17" max="17" width="6.6328125" style="22" customWidth="1"/>
    <col min="18" max="16384" width="9.54296875" style="22"/>
  </cols>
  <sheetData>
    <row r="1" spans="1:17" s="10" customFormat="1" ht="16.5" customHeight="1">
      <c r="A1" s="10" t="s">
        <v>32</v>
      </c>
      <c r="J1" s="11"/>
      <c r="N1" s="12"/>
      <c r="O1" s="12"/>
      <c r="P1" s="12"/>
      <c r="Q1" s="12"/>
    </row>
    <row r="2" spans="1:17" s="10" customFormat="1" ht="16.5" customHeight="1">
      <c r="A2" s="143" t="s">
        <v>33</v>
      </c>
      <c r="B2" s="143"/>
      <c r="C2" s="143"/>
      <c r="D2" s="143"/>
      <c r="E2" s="143"/>
      <c r="F2" s="143"/>
      <c r="G2" s="143"/>
      <c r="H2" s="143"/>
      <c r="I2" s="143"/>
      <c r="J2" s="143"/>
      <c r="K2" s="143"/>
      <c r="L2" s="143"/>
      <c r="M2" s="143"/>
      <c r="N2" s="143"/>
      <c r="O2" s="143"/>
      <c r="P2" s="143"/>
      <c r="Q2" s="143"/>
    </row>
    <row r="3" spans="1:17" s="10" customFormat="1" ht="16.5" customHeight="1">
      <c r="A3" s="60"/>
      <c r="B3" s="60"/>
      <c r="C3" s="60"/>
      <c r="D3" s="60"/>
      <c r="E3" s="60"/>
      <c r="F3" s="60"/>
      <c r="G3" s="60"/>
      <c r="H3" s="60"/>
      <c r="I3" s="60"/>
      <c r="J3" s="60"/>
      <c r="K3" s="60"/>
      <c r="L3" s="160">
        <f>'交付申請書（様式１）'!F2</f>
        <v>46235</v>
      </c>
      <c r="M3" s="161"/>
      <c r="N3" s="161"/>
      <c r="O3" s="161"/>
      <c r="P3" s="161"/>
      <c r="Q3" s="61" t="s">
        <v>158</v>
      </c>
    </row>
    <row r="4" spans="1:17" s="10" customFormat="1" ht="24.9" customHeight="1">
      <c r="A4" s="144" t="s">
        <v>34</v>
      </c>
      <c r="B4" s="146" t="s">
        <v>35</v>
      </c>
      <c r="C4" s="147"/>
      <c r="D4" s="147"/>
      <c r="E4" s="148"/>
      <c r="F4" s="149" t="s">
        <v>36</v>
      </c>
      <c r="G4" s="147"/>
      <c r="H4" s="147"/>
      <c r="I4" s="148"/>
      <c r="J4" s="150" t="s">
        <v>37</v>
      </c>
      <c r="K4" s="152" t="s">
        <v>38</v>
      </c>
      <c r="L4" s="153"/>
      <c r="M4" s="153"/>
      <c r="N4" s="153"/>
      <c r="O4" s="153"/>
      <c r="P4" s="153"/>
      <c r="Q4" s="154"/>
    </row>
    <row r="5" spans="1:17" s="10" customFormat="1" ht="24.9" customHeight="1" thickBot="1">
      <c r="A5" s="145"/>
      <c r="B5" s="158" t="s">
        <v>39</v>
      </c>
      <c r="C5" s="159"/>
      <c r="D5" s="158" t="s">
        <v>40</v>
      </c>
      <c r="E5" s="159"/>
      <c r="F5" s="13" t="s">
        <v>41</v>
      </c>
      <c r="G5" s="14" t="s">
        <v>42</v>
      </c>
      <c r="H5" s="14" t="s">
        <v>43</v>
      </c>
      <c r="I5" s="15" t="s">
        <v>44</v>
      </c>
      <c r="J5" s="151"/>
      <c r="K5" s="155"/>
      <c r="L5" s="156"/>
      <c r="M5" s="156"/>
      <c r="N5" s="156"/>
      <c r="O5" s="156"/>
      <c r="P5" s="156"/>
      <c r="Q5" s="157"/>
    </row>
    <row r="6" spans="1:17" s="10" customFormat="1" ht="40.5" customHeight="1" thickTop="1">
      <c r="A6" s="97" t="s">
        <v>277</v>
      </c>
      <c r="B6" s="98" t="s">
        <v>278</v>
      </c>
      <c r="C6" s="99" t="s">
        <v>279</v>
      </c>
      <c r="D6" s="100" t="s">
        <v>280</v>
      </c>
      <c r="E6" s="101" t="s">
        <v>281</v>
      </c>
      <c r="F6" s="102" t="s">
        <v>282</v>
      </c>
      <c r="G6" s="103" t="s">
        <v>103</v>
      </c>
      <c r="H6" s="103" t="s">
        <v>62</v>
      </c>
      <c r="I6" s="104" t="s">
        <v>57</v>
      </c>
      <c r="J6" s="105" t="s">
        <v>283</v>
      </c>
      <c r="K6" s="165" t="s">
        <v>284</v>
      </c>
      <c r="L6" s="166"/>
      <c r="M6" s="166"/>
      <c r="N6" s="166"/>
      <c r="O6" s="166"/>
      <c r="P6" s="166"/>
      <c r="Q6" s="167"/>
    </row>
    <row r="7" spans="1:17" s="10" customFormat="1" ht="40.5" customHeight="1">
      <c r="A7" s="62"/>
      <c r="B7" s="63"/>
      <c r="C7" s="64"/>
      <c r="D7" s="65"/>
      <c r="E7" s="66"/>
      <c r="F7" s="67"/>
      <c r="G7" s="69"/>
      <c r="H7" s="69"/>
      <c r="I7" s="70"/>
      <c r="J7" s="68"/>
      <c r="K7" s="162"/>
      <c r="L7" s="163"/>
      <c r="M7" s="163"/>
      <c r="N7" s="163"/>
      <c r="O7" s="163"/>
      <c r="P7" s="163"/>
      <c r="Q7" s="164"/>
    </row>
    <row r="8" spans="1:17" s="10" customFormat="1" ht="40.5" customHeight="1">
      <c r="A8" s="62"/>
      <c r="B8" s="63"/>
      <c r="C8" s="71"/>
      <c r="D8" s="63"/>
      <c r="E8" s="71"/>
      <c r="F8" s="67"/>
      <c r="G8" s="69"/>
      <c r="H8" s="69"/>
      <c r="I8" s="70"/>
      <c r="J8" s="68"/>
      <c r="K8" s="162"/>
      <c r="L8" s="163"/>
      <c r="M8" s="163"/>
      <c r="N8" s="163"/>
      <c r="O8" s="163"/>
      <c r="P8" s="163"/>
      <c r="Q8" s="164"/>
    </row>
    <row r="9" spans="1:17" s="10" customFormat="1" ht="40.5" customHeight="1">
      <c r="A9" s="62"/>
      <c r="B9" s="63"/>
      <c r="C9" s="71"/>
      <c r="D9" s="63"/>
      <c r="E9" s="71"/>
      <c r="F9" s="67"/>
      <c r="G9" s="69"/>
      <c r="H9" s="69"/>
      <c r="I9" s="70"/>
      <c r="J9" s="68"/>
      <c r="K9" s="162"/>
      <c r="L9" s="163"/>
      <c r="M9" s="163"/>
      <c r="N9" s="163"/>
      <c r="O9" s="163"/>
      <c r="P9" s="163"/>
      <c r="Q9" s="164"/>
    </row>
    <row r="10" spans="1:17" s="10" customFormat="1" ht="40.5" customHeight="1">
      <c r="A10" s="62"/>
      <c r="B10" s="63"/>
      <c r="C10" s="71"/>
      <c r="D10" s="63"/>
      <c r="E10" s="71"/>
      <c r="F10" s="67"/>
      <c r="G10" s="69"/>
      <c r="H10" s="69"/>
      <c r="I10" s="70"/>
      <c r="J10" s="68"/>
      <c r="K10" s="162"/>
      <c r="L10" s="163"/>
      <c r="M10" s="163"/>
      <c r="N10" s="163"/>
      <c r="O10" s="163"/>
      <c r="P10" s="163"/>
      <c r="Q10" s="164"/>
    </row>
    <row r="11" spans="1:17" s="10" customFormat="1" ht="40.5" customHeight="1">
      <c r="A11" s="62"/>
      <c r="B11" s="63"/>
      <c r="C11" s="71"/>
      <c r="D11" s="63"/>
      <c r="E11" s="71"/>
      <c r="F11" s="67"/>
      <c r="G11" s="69"/>
      <c r="H11" s="69"/>
      <c r="I11" s="70"/>
      <c r="J11" s="68"/>
      <c r="K11" s="162"/>
      <c r="L11" s="163"/>
      <c r="M11" s="163"/>
      <c r="N11" s="163"/>
      <c r="O11" s="163"/>
      <c r="P11" s="163"/>
      <c r="Q11" s="164"/>
    </row>
    <row r="12" spans="1:17" s="10" customFormat="1" ht="40.5" customHeight="1">
      <c r="A12" s="62"/>
      <c r="B12" s="63"/>
      <c r="C12" s="71"/>
      <c r="D12" s="63"/>
      <c r="E12" s="71"/>
      <c r="F12" s="67"/>
      <c r="G12" s="69"/>
      <c r="H12" s="69"/>
      <c r="I12" s="70"/>
      <c r="J12" s="68"/>
      <c r="K12" s="162"/>
      <c r="L12" s="163"/>
      <c r="M12" s="163"/>
      <c r="N12" s="163"/>
      <c r="O12" s="163"/>
      <c r="P12" s="163"/>
      <c r="Q12" s="164"/>
    </row>
    <row r="13" spans="1:17" s="10" customFormat="1" ht="40.5" customHeight="1">
      <c r="A13" s="62"/>
      <c r="B13" s="63"/>
      <c r="C13" s="71"/>
      <c r="D13" s="63"/>
      <c r="E13" s="71"/>
      <c r="F13" s="67"/>
      <c r="G13" s="69"/>
      <c r="H13" s="69"/>
      <c r="I13" s="70"/>
      <c r="J13" s="68"/>
      <c r="K13" s="162"/>
      <c r="L13" s="163"/>
      <c r="M13" s="163"/>
      <c r="N13" s="163"/>
      <c r="O13" s="163"/>
      <c r="P13" s="163"/>
      <c r="Q13" s="164"/>
    </row>
    <row r="14" spans="1:17" s="10" customFormat="1" ht="40.5" customHeight="1">
      <c r="A14" s="62"/>
      <c r="B14" s="63"/>
      <c r="C14" s="71"/>
      <c r="D14" s="63"/>
      <c r="E14" s="71"/>
      <c r="F14" s="67"/>
      <c r="G14" s="69"/>
      <c r="H14" s="69"/>
      <c r="I14" s="70"/>
      <c r="J14" s="68"/>
      <c r="K14" s="162"/>
      <c r="L14" s="163"/>
      <c r="M14" s="163"/>
      <c r="N14" s="163"/>
      <c r="O14" s="163"/>
      <c r="P14" s="163"/>
      <c r="Q14" s="164"/>
    </row>
    <row r="15" spans="1:17" s="10" customFormat="1" ht="40.5" customHeight="1">
      <c r="A15" s="62"/>
      <c r="B15" s="63"/>
      <c r="C15" s="71"/>
      <c r="D15" s="63"/>
      <c r="E15" s="71"/>
      <c r="F15" s="67"/>
      <c r="G15" s="69"/>
      <c r="H15" s="69"/>
      <c r="I15" s="70"/>
      <c r="J15" s="68"/>
      <c r="K15" s="162"/>
      <c r="L15" s="163"/>
      <c r="M15" s="163"/>
      <c r="N15" s="163"/>
      <c r="O15" s="163"/>
      <c r="P15" s="163"/>
      <c r="Q15" s="164"/>
    </row>
    <row r="16" spans="1:17" s="10" customFormat="1" ht="40.5" customHeight="1">
      <c r="A16" s="62"/>
      <c r="B16" s="63"/>
      <c r="C16" s="71"/>
      <c r="D16" s="63"/>
      <c r="E16" s="71"/>
      <c r="F16" s="67"/>
      <c r="G16" s="69"/>
      <c r="H16" s="69"/>
      <c r="I16" s="70"/>
      <c r="J16" s="68"/>
      <c r="K16" s="162"/>
      <c r="L16" s="163"/>
      <c r="M16" s="163"/>
      <c r="N16" s="163"/>
      <c r="O16" s="163"/>
      <c r="P16" s="163"/>
      <c r="Q16" s="164"/>
    </row>
    <row r="17" spans="1:17" s="10" customFormat="1" ht="40.5" customHeight="1">
      <c r="A17" s="62"/>
      <c r="B17" s="63"/>
      <c r="C17" s="71"/>
      <c r="D17" s="63"/>
      <c r="E17" s="71"/>
      <c r="F17" s="67"/>
      <c r="G17" s="69"/>
      <c r="H17" s="69"/>
      <c r="I17" s="70"/>
      <c r="J17" s="68"/>
      <c r="K17" s="162"/>
      <c r="L17" s="163"/>
      <c r="M17" s="163"/>
      <c r="N17" s="163"/>
      <c r="O17" s="163"/>
      <c r="P17" s="163"/>
      <c r="Q17" s="164"/>
    </row>
    <row r="18" spans="1:17" s="10" customFormat="1" ht="40.5" customHeight="1">
      <c r="A18" s="62"/>
      <c r="B18" s="63"/>
      <c r="C18" s="71"/>
      <c r="D18" s="63"/>
      <c r="E18" s="71"/>
      <c r="F18" s="67"/>
      <c r="G18" s="69"/>
      <c r="H18" s="69"/>
      <c r="I18" s="70"/>
      <c r="J18" s="68"/>
      <c r="K18" s="162"/>
      <c r="L18" s="163"/>
      <c r="M18" s="163"/>
      <c r="N18" s="163"/>
      <c r="O18" s="163"/>
      <c r="P18" s="163"/>
      <c r="Q18" s="164"/>
    </row>
    <row r="19" spans="1:17" s="10" customFormat="1" ht="40.5" customHeight="1">
      <c r="A19" s="62"/>
      <c r="B19" s="63"/>
      <c r="C19" s="71"/>
      <c r="D19" s="63"/>
      <c r="E19" s="71"/>
      <c r="F19" s="67"/>
      <c r="G19" s="69"/>
      <c r="H19" s="69"/>
      <c r="I19" s="70"/>
      <c r="J19" s="68"/>
      <c r="K19" s="162"/>
      <c r="L19" s="163"/>
      <c r="M19" s="163"/>
      <c r="N19" s="163"/>
      <c r="O19" s="163"/>
      <c r="P19" s="163"/>
      <c r="Q19" s="164"/>
    </row>
    <row r="20" spans="1:17" s="10" customFormat="1" ht="40.5" customHeight="1">
      <c r="A20" s="62"/>
      <c r="B20" s="63"/>
      <c r="C20" s="71"/>
      <c r="D20" s="63"/>
      <c r="E20" s="71"/>
      <c r="F20" s="67"/>
      <c r="G20" s="69"/>
      <c r="H20" s="69"/>
      <c r="I20" s="70"/>
      <c r="J20" s="68"/>
      <c r="K20" s="162"/>
      <c r="L20" s="163"/>
      <c r="M20" s="163"/>
      <c r="N20" s="163"/>
      <c r="O20" s="163"/>
      <c r="P20" s="163"/>
      <c r="Q20" s="164"/>
    </row>
    <row r="21" spans="1:17" s="10" customFormat="1" ht="40.5" customHeight="1">
      <c r="A21" s="62"/>
      <c r="B21" s="63"/>
      <c r="C21" s="71"/>
      <c r="D21" s="63"/>
      <c r="E21" s="71"/>
      <c r="F21" s="67"/>
      <c r="G21" s="69"/>
      <c r="H21" s="69"/>
      <c r="I21" s="70"/>
      <c r="J21" s="68"/>
      <c r="K21" s="162"/>
      <c r="L21" s="163"/>
      <c r="M21" s="163"/>
      <c r="N21" s="163"/>
      <c r="O21" s="163"/>
      <c r="P21" s="163"/>
      <c r="Q21" s="164"/>
    </row>
    <row r="22" spans="1:17" s="10" customFormat="1" ht="31.5" customHeight="1">
      <c r="A22" s="169" t="s">
        <v>45</v>
      </c>
      <c r="B22" s="169"/>
      <c r="C22" s="169"/>
      <c r="D22" s="169"/>
      <c r="E22" s="169"/>
      <c r="F22" s="169"/>
      <c r="G22" s="169"/>
      <c r="H22" s="169"/>
      <c r="I22" s="169"/>
      <c r="J22" s="169"/>
      <c r="K22" s="169"/>
      <c r="L22" s="169"/>
      <c r="M22" s="169"/>
      <c r="N22" s="169"/>
      <c r="O22" s="169"/>
      <c r="P22" s="169"/>
      <c r="Q22" s="169"/>
    </row>
    <row r="23" spans="1:17" s="10" customFormat="1" ht="30" customHeight="1">
      <c r="B23" s="16"/>
      <c r="C23" s="16"/>
      <c r="I23" s="17" t="s">
        <v>156</v>
      </c>
      <c r="J23" s="18"/>
      <c r="K23" s="170" t="str">
        <f>'交付申請書（様式１）'!F4</f>
        <v>神奈川県横浜市中区日本大通１</v>
      </c>
      <c r="L23" s="171"/>
      <c r="M23" s="171"/>
      <c r="N23" s="171"/>
      <c r="O23" s="171"/>
      <c r="P23" s="171"/>
      <c r="Q23" s="172"/>
    </row>
    <row r="24" spans="1:17" s="10" customFormat="1" ht="30" customHeight="1">
      <c r="B24" s="16"/>
      <c r="C24" s="16"/>
      <c r="I24" s="17" t="s">
        <v>157</v>
      </c>
      <c r="J24" s="18"/>
      <c r="K24" s="173" t="str">
        <f>'交付申請書（様式１）'!F5</f>
        <v>社会福祉法人 かながわ</v>
      </c>
      <c r="L24" s="174"/>
      <c r="M24" s="174"/>
      <c r="N24" s="174"/>
      <c r="O24" s="174"/>
      <c r="P24" s="174"/>
      <c r="Q24" s="175"/>
    </row>
    <row r="25" spans="1:17" s="10" customFormat="1" ht="30" customHeight="1">
      <c r="B25" s="16"/>
      <c r="C25" s="16"/>
      <c r="I25" s="17" t="s">
        <v>46</v>
      </c>
      <c r="J25" s="18"/>
      <c r="K25" s="173" t="str">
        <f>'交付申請書（様式１）'!F6</f>
        <v>理事長　神奈川 太郎</v>
      </c>
      <c r="L25" s="174"/>
      <c r="M25" s="174"/>
      <c r="N25" s="174"/>
      <c r="O25" s="174"/>
      <c r="P25" s="174"/>
      <c r="Q25" s="175"/>
    </row>
    <row r="26" spans="1:17" s="10" customFormat="1" ht="16.5" customHeight="1">
      <c r="A26" s="10" t="s">
        <v>47</v>
      </c>
      <c r="B26" s="16"/>
      <c r="C26" s="16"/>
      <c r="I26" s="19"/>
      <c r="J26" s="20"/>
      <c r="K26" s="19"/>
      <c r="L26" s="19"/>
      <c r="M26" s="19"/>
      <c r="N26" s="19"/>
      <c r="O26" s="19"/>
      <c r="P26" s="19"/>
      <c r="Q26" s="19"/>
    </row>
    <row r="27" spans="1:17" s="10" customFormat="1" ht="16.5" customHeight="1">
      <c r="A27" s="12" t="s">
        <v>48</v>
      </c>
      <c r="B27" s="16"/>
      <c r="C27" s="16"/>
      <c r="I27" s="19"/>
      <c r="J27" s="20"/>
      <c r="K27" s="19"/>
      <c r="L27" s="19"/>
      <c r="M27" s="19"/>
      <c r="N27" s="19"/>
      <c r="O27" s="19"/>
      <c r="P27" s="19"/>
      <c r="Q27" s="19"/>
    </row>
    <row r="28" spans="1:17" s="10" customFormat="1" ht="16.5" customHeight="1">
      <c r="A28" s="12" t="s">
        <v>49</v>
      </c>
      <c r="B28" s="16"/>
      <c r="C28" s="16"/>
      <c r="I28" s="19"/>
      <c r="J28" s="20"/>
      <c r="K28" s="19"/>
      <c r="L28" s="19"/>
      <c r="M28" s="19"/>
      <c r="N28" s="19"/>
      <c r="O28" s="19"/>
      <c r="P28" s="19"/>
      <c r="Q28" s="19"/>
    </row>
    <row r="29" spans="1:17" s="10" customFormat="1" ht="16.5" customHeight="1">
      <c r="A29" s="10" t="s">
        <v>50</v>
      </c>
      <c r="B29" s="16"/>
      <c r="C29" s="16"/>
      <c r="I29" s="19"/>
      <c r="J29" s="20"/>
      <c r="K29" s="19"/>
      <c r="L29" s="168"/>
      <c r="M29" s="168"/>
      <c r="N29" s="168"/>
      <c r="O29" s="168"/>
      <c r="P29" s="168"/>
      <c r="Q29" s="168"/>
    </row>
    <row r="30" spans="1:17" s="10" customFormat="1" ht="16.5" customHeight="1">
      <c r="B30" s="16"/>
      <c r="C30" s="16"/>
      <c r="I30" s="19"/>
      <c r="J30" s="20"/>
      <c r="K30" s="19"/>
      <c r="L30" s="168"/>
      <c r="M30" s="168"/>
      <c r="N30" s="168"/>
      <c r="O30" s="168"/>
      <c r="P30" s="168"/>
      <c r="Q30" s="168"/>
    </row>
    <row r="33" spans="1:17" ht="13">
      <c r="A33" s="21"/>
      <c r="B33" s="21"/>
      <c r="C33" s="21"/>
      <c r="D33" s="21"/>
      <c r="E33" s="21"/>
      <c r="F33" s="21"/>
      <c r="G33" s="21"/>
      <c r="H33" s="21"/>
      <c r="I33" s="21"/>
      <c r="J33" s="21"/>
      <c r="K33" s="21"/>
      <c r="L33" s="21"/>
      <c r="M33" s="21"/>
      <c r="N33" s="21"/>
      <c r="O33" s="21"/>
      <c r="P33" s="21"/>
      <c r="Q33" s="21"/>
    </row>
    <row r="34" spans="1:17" s="10" customFormat="1" hidden="1">
      <c r="J34" s="11"/>
    </row>
    <row r="35" spans="1:17" s="10" customFormat="1" hidden="1">
      <c r="B35" s="23" t="s">
        <v>51</v>
      </c>
      <c r="J35" s="11"/>
    </row>
    <row r="36" spans="1:17" s="10" customFormat="1" hidden="1">
      <c r="A36" s="10" t="s">
        <v>52</v>
      </c>
      <c r="B36" s="23" t="s">
        <v>53</v>
      </c>
      <c r="J36" s="11"/>
    </row>
    <row r="37" spans="1:17" s="10" customFormat="1" hidden="1">
      <c r="A37" s="10" t="s">
        <v>54</v>
      </c>
      <c r="B37" s="23" t="s">
        <v>55</v>
      </c>
      <c r="J37" s="11"/>
    </row>
    <row r="38" spans="1:17" s="10" customFormat="1" hidden="1">
      <c r="A38" s="10" t="s">
        <v>56</v>
      </c>
      <c r="B38" s="23" t="s">
        <v>57</v>
      </c>
    </row>
    <row r="39" spans="1:17" s="10" customFormat="1" hidden="1">
      <c r="B39" s="23" t="s">
        <v>58</v>
      </c>
    </row>
    <row r="40" spans="1:17" s="10" customFormat="1" hidden="1">
      <c r="A40" s="10" t="s">
        <v>59</v>
      </c>
      <c r="B40" s="23" t="s">
        <v>60</v>
      </c>
    </row>
    <row r="41" spans="1:17" s="10" customFormat="1" hidden="1">
      <c r="A41" s="10" t="s">
        <v>61</v>
      </c>
      <c r="B41" s="23" t="s">
        <v>62</v>
      </c>
    </row>
    <row r="42" spans="1:17" s="10" customFormat="1" hidden="1">
      <c r="B42" s="23" t="s">
        <v>63</v>
      </c>
    </row>
    <row r="43" spans="1:17" s="10" customFormat="1" hidden="1">
      <c r="B43" s="23" t="s">
        <v>64</v>
      </c>
    </row>
    <row r="44" spans="1:17" s="10" customFormat="1" hidden="1">
      <c r="B44" s="23" t="s">
        <v>65</v>
      </c>
    </row>
    <row r="45" spans="1:17" s="10" customFormat="1" hidden="1">
      <c r="B45" s="23" t="s">
        <v>66</v>
      </c>
    </row>
    <row r="46" spans="1:17" s="10" customFormat="1" hidden="1">
      <c r="B46" s="23" t="s">
        <v>67</v>
      </c>
    </row>
    <row r="47" spans="1:17" s="10" customFormat="1" hidden="1">
      <c r="B47" s="23" t="s">
        <v>68</v>
      </c>
    </row>
    <row r="48" spans="1:17" s="10" customFormat="1" hidden="1">
      <c r="B48" s="23" t="s">
        <v>69</v>
      </c>
    </row>
    <row r="49" spans="2:2" s="10" customFormat="1" hidden="1">
      <c r="B49" s="23" t="s">
        <v>70</v>
      </c>
    </row>
    <row r="50" spans="2:2" s="10" customFormat="1" hidden="1">
      <c r="B50" s="23" t="s">
        <v>71</v>
      </c>
    </row>
    <row r="51" spans="2:2" s="10" customFormat="1" hidden="1">
      <c r="B51" s="23" t="s">
        <v>72</v>
      </c>
    </row>
    <row r="52" spans="2:2" s="10" customFormat="1" hidden="1">
      <c r="B52" s="23" t="s">
        <v>73</v>
      </c>
    </row>
    <row r="53" spans="2:2" s="10" customFormat="1" hidden="1">
      <c r="B53" s="23" t="s">
        <v>74</v>
      </c>
    </row>
    <row r="54" spans="2:2" s="10" customFormat="1" hidden="1">
      <c r="B54" s="23" t="s">
        <v>75</v>
      </c>
    </row>
    <row r="55" spans="2:2" s="10" customFormat="1" hidden="1">
      <c r="B55" s="23" t="s">
        <v>76</v>
      </c>
    </row>
    <row r="56" spans="2:2" s="10" customFormat="1" hidden="1">
      <c r="B56" s="23" t="s">
        <v>77</v>
      </c>
    </row>
    <row r="57" spans="2:2" s="10" customFormat="1" hidden="1">
      <c r="B57" s="23" t="s">
        <v>78</v>
      </c>
    </row>
    <row r="58" spans="2:2" s="10" customFormat="1" hidden="1">
      <c r="B58" s="23" t="s">
        <v>79</v>
      </c>
    </row>
    <row r="59" spans="2:2" s="10" customFormat="1" hidden="1">
      <c r="B59" s="23" t="s">
        <v>80</v>
      </c>
    </row>
    <row r="60" spans="2:2" s="10" customFormat="1" hidden="1">
      <c r="B60" s="23" t="s">
        <v>81</v>
      </c>
    </row>
    <row r="61" spans="2:2" s="10" customFormat="1" hidden="1">
      <c r="B61" s="23" t="s">
        <v>82</v>
      </c>
    </row>
    <row r="62" spans="2:2" s="10" customFormat="1" hidden="1">
      <c r="B62" s="23" t="s">
        <v>83</v>
      </c>
    </row>
    <row r="63" spans="2:2" s="10" customFormat="1" hidden="1">
      <c r="B63" s="23" t="s">
        <v>84</v>
      </c>
    </row>
    <row r="64" spans="2:2" s="10" customFormat="1" hidden="1">
      <c r="B64" s="23" t="s">
        <v>85</v>
      </c>
    </row>
    <row r="65" spans="2:2" s="10" customFormat="1" hidden="1">
      <c r="B65" s="23" t="s">
        <v>86</v>
      </c>
    </row>
    <row r="66" spans="2:2" s="10" customFormat="1" hidden="1">
      <c r="B66" s="23" t="s">
        <v>87</v>
      </c>
    </row>
    <row r="67" spans="2:2" s="10" customFormat="1" hidden="1">
      <c r="B67" s="23" t="s">
        <v>88</v>
      </c>
    </row>
    <row r="68" spans="2:2" s="10" customFormat="1" hidden="1">
      <c r="B68" s="23" t="s">
        <v>89</v>
      </c>
    </row>
    <row r="69" spans="2:2" s="10" customFormat="1" hidden="1">
      <c r="B69" s="23" t="s">
        <v>90</v>
      </c>
    </row>
    <row r="70" spans="2:2" s="10" customFormat="1" hidden="1">
      <c r="B70" s="23" t="s">
        <v>91</v>
      </c>
    </row>
    <row r="71" spans="2:2" s="10" customFormat="1" hidden="1">
      <c r="B71" s="23" t="s">
        <v>92</v>
      </c>
    </row>
    <row r="72" spans="2:2" s="10" customFormat="1" hidden="1">
      <c r="B72" s="23" t="s">
        <v>93</v>
      </c>
    </row>
    <row r="73" spans="2:2" s="10" customFormat="1" hidden="1">
      <c r="B73" s="23" t="s">
        <v>94</v>
      </c>
    </row>
    <row r="74" spans="2:2" s="10" customFormat="1" hidden="1">
      <c r="B74" s="23" t="s">
        <v>95</v>
      </c>
    </row>
    <row r="75" spans="2:2" s="10" customFormat="1" hidden="1">
      <c r="B75" s="23" t="s">
        <v>96</v>
      </c>
    </row>
    <row r="76" spans="2:2" s="10" customFormat="1" hidden="1">
      <c r="B76" s="23" t="s">
        <v>97</v>
      </c>
    </row>
    <row r="77" spans="2:2" s="10" customFormat="1" hidden="1">
      <c r="B77" s="23" t="s">
        <v>98</v>
      </c>
    </row>
    <row r="78" spans="2:2" s="10" customFormat="1" hidden="1">
      <c r="B78" s="23" t="s">
        <v>99</v>
      </c>
    </row>
    <row r="79" spans="2:2" s="10" customFormat="1" hidden="1">
      <c r="B79" s="23" t="s">
        <v>100</v>
      </c>
    </row>
    <row r="80" spans="2:2" s="10" customFormat="1" hidden="1">
      <c r="B80" s="23" t="s">
        <v>101</v>
      </c>
    </row>
    <row r="81" spans="2:2" s="10" customFormat="1" hidden="1">
      <c r="B81" s="23" t="s">
        <v>102</v>
      </c>
    </row>
    <row r="82" spans="2:2" s="10" customFormat="1" hidden="1">
      <c r="B82" s="23" t="s">
        <v>103</v>
      </c>
    </row>
    <row r="83" spans="2:2" s="10" customFormat="1" hidden="1">
      <c r="B83" s="23" t="s">
        <v>104</v>
      </c>
    </row>
    <row r="84" spans="2:2" s="10" customFormat="1" hidden="1">
      <c r="B84" s="23" t="s">
        <v>105</v>
      </c>
    </row>
    <row r="85" spans="2:2" s="10" customFormat="1" hidden="1">
      <c r="B85" s="23" t="s">
        <v>106</v>
      </c>
    </row>
    <row r="86" spans="2:2" s="10" customFormat="1" hidden="1">
      <c r="B86" s="23" t="s">
        <v>107</v>
      </c>
    </row>
    <row r="87" spans="2:2" s="10" customFormat="1" hidden="1">
      <c r="B87" s="23" t="s">
        <v>108</v>
      </c>
    </row>
    <row r="88" spans="2:2" s="10" customFormat="1" hidden="1">
      <c r="B88" s="23" t="s">
        <v>109</v>
      </c>
    </row>
    <row r="89" spans="2:2" s="10" customFormat="1" hidden="1">
      <c r="B89" s="23" t="s">
        <v>110</v>
      </c>
    </row>
    <row r="90" spans="2:2" s="10" customFormat="1" hidden="1">
      <c r="B90" s="23" t="s">
        <v>111</v>
      </c>
    </row>
    <row r="91" spans="2:2" s="10" customFormat="1" hidden="1">
      <c r="B91" s="23" t="s">
        <v>112</v>
      </c>
    </row>
    <row r="92" spans="2:2" s="10" customFormat="1" hidden="1">
      <c r="B92" s="23" t="s">
        <v>113</v>
      </c>
    </row>
    <row r="93" spans="2:2" s="10" customFormat="1" hidden="1">
      <c r="B93" s="23" t="s">
        <v>114</v>
      </c>
    </row>
    <row r="94" spans="2:2" s="10" customFormat="1" hidden="1">
      <c r="B94" s="23" t="s">
        <v>115</v>
      </c>
    </row>
    <row r="95" spans="2:2" s="10" customFormat="1" hidden="1">
      <c r="B95" s="23" t="s">
        <v>116</v>
      </c>
    </row>
    <row r="96" spans="2:2" s="10" customFormat="1" hidden="1">
      <c r="B96" s="23" t="s">
        <v>117</v>
      </c>
    </row>
    <row r="97" spans="2:2" s="10" customFormat="1" hidden="1">
      <c r="B97" s="23" t="s">
        <v>118</v>
      </c>
    </row>
    <row r="98" spans="2:2" s="10" customFormat="1" hidden="1">
      <c r="B98" s="23" t="s">
        <v>119</v>
      </c>
    </row>
    <row r="99" spans="2:2" s="10" customFormat="1"/>
    <row r="100" spans="2:2" s="10" customFormat="1"/>
  </sheetData>
  <sheetProtection insertRows="0" deleteRows="0"/>
  <mergeCells count="31">
    <mergeCell ref="L29:Q29"/>
    <mergeCell ref="L30:Q30"/>
    <mergeCell ref="K19:Q19"/>
    <mergeCell ref="K20:Q20"/>
    <mergeCell ref="K21:Q21"/>
    <mergeCell ref="A22:Q22"/>
    <mergeCell ref="K23:Q23"/>
    <mergeCell ref="K25:Q25"/>
    <mergeCell ref="K24:Q24"/>
    <mergeCell ref="K18:Q18"/>
    <mergeCell ref="K6:Q6"/>
    <mergeCell ref="K8:Q8"/>
    <mergeCell ref="K9:Q9"/>
    <mergeCell ref="K10:Q10"/>
    <mergeCell ref="K11:Q11"/>
    <mergeCell ref="K12:Q12"/>
    <mergeCell ref="K13:Q13"/>
    <mergeCell ref="K14:Q14"/>
    <mergeCell ref="K15:Q15"/>
    <mergeCell ref="K16:Q16"/>
    <mergeCell ref="K17:Q17"/>
    <mergeCell ref="K7:Q7"/>
    <mergeCell ref="A2:Q2"/>
    <mergeCell ref="A4:A5"/>
    <mergeCell ref="B4:E4"/>
    <mergeCell ref="F4:I4"/>
    <mergeCell ref="J4:J5"/>
    <mergeCell ref="K4:Q5"/>
    <mergeCell ref="B5:C5"/>
    <mergeCell ref="D5:E5"/>
    <mergeCell ref="L3:P3"/>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1B90C5-EF47-4693-A37A-2AFA40059805}">
  <sheetPr>
    <pageSetUpPr fitToPage="1"/>
  </sheetPr>
  <dimension ref="A1:M19"/>
  <sheetViews>
    <sheetView showGridLines="0" view="pageBreakPreview" topLeftCell="A11" zoomScale="85" zoomScaleNormal="85" zoomScaleSheetLayoutView="85" workbookViewId="0">
      <selection activeCell="I12" sqref="I12"/>
    </sheetView>
  </sheetViews>
  <sheetFormatPr defaultColWidth="9" defaultRowHeight="13"/>
  <cols>
    <col min="1" max="1" width="18.6328125" style="2" customWidth="1"/>
    <col min="2" max="2" width="15.90625" style="2" customWidth="1"/>
    <col min="3" max="12" width="12.81640625" style="2" customWidth="1"/>
    <col min="13" max="13" width="4.6328125" style="2" customWidth="1"/>
    <col min="14" max="16384" width="9" style="2"/>
  </cols>
  <sheetData>
    <row r="1" spans="1:13">
      <c r="A1" s="2" t="s">
        <v>276</v>
      </c>
      <c r="B1" s="3"/>
      <c r="C1" s="3"/>
      <c r="D1" s="3"/>
      <c r="E1" s="3"/>
      <c r="F1" s="3"/>
      <c r="G1" s="3"/>
      <c r="H1" s="3"/>
      <c r="I1" s="3"/>
      <c r="J1" s="3"/>
      <c r="K1" s="3"/>
    </row>
    <row r="2" spans="1:13">
      <c r="A2" s="179" t="s">
        <v>303</v>
      </c>
      <c r="B2" s="179"/>
      <c r="C2" s="179"/>
      <c r="D2" s="179"/>
      <c r="E2" s="179"/>
      <c r="F2" s="179"/>
      <c r="G2" s="179"/>
      <c r="H2" s="179"/>
      <c r="I2" s="179"/>
      <c r="J2" s="179"/>
      <c r="K2" s="179"/>
      <c r="L2" s="179"/>
    </row>
    <row r="3" spans="1:13">
      <c r="A3" s="1"/>
      <c r="B3" s="1"/>
      <c r="C3" s="1"/>
      <c r="D3" s="1"/>
      <c r="E3" s="1"/>
      <c r="F3" s="1"/>
      <c r="G3" s="1"/>
      <c r="H3" s="1"/>
      <c r="J3" s="1"/>
      <c r="K3" s="1"/>
    </row>
    <row r="4" spans="1:13" ht="15" customHeight="1">
      <c r="A4" s="1"/>
      <c r="B4" s="1"/>
      <c r="C4" s="1"/>
      <c r="D4" s="1"/>
      <c r="E4" s="1"/>
      <c r="F4" s="1"/>
      <c r="G4" s="1"/>
      <c r="H4" s="80" t="s">
        <v>153</v>
      </c>
      <c r="I4" s="180" t="str">
        <f>'交付申請書（様式１）'!F5</f>
        <v>社会福祉法人 かながわ</v>
      </c>
      <c r="J4" s="180"/>
      <c r="K4" s="180"/>
      <c r="L4" s="180"/>
      <c r="M4" s="4"/>
    </row>
    <row r="5" spans="1:13" ht="4.5" customHeight="1"/>
    <row r="6" spans="1:13">
      <c r="A6" s="3"/>
      <c r="B6" s="3"/>
      <c r="C6" s="3"/>
      <c r="K6" s="181" t="s">
        <v>0</v>
      </c>
      <c r="L6" s="181"/>
    </row>
    <row r="7" spans="1:13" ht="4.5" customHeight="1"/>
    <row r="8" spans="1:13" s="114" customFormat="1" ht="18" customHeight="1">
      <c r="A8" s="182" t="s">
        <v>18</v>
      </c>
      <c r="B8" s="185" t="s">
        <v>16</v>
      </c>
      <c r="C8" s="5" t="s">
        <v>1</v>
      </c>
      <c r="D8" s="5" t="s">
        <v>2</v>
      </c>
      <c r="E8" s="5" t="s">
        <v>4</v>
      </c>
      <c r="F8" s="5" t="s">
        <v>5</v>
      </c>
      <c r="G8" s="5" t="s">
        <v>7</v>
      </c>
      <c r="H8" s="5" t="s">
        <v>8</v>
      </c>
      <c r="I8" s="5" t="s">
        <v>14</v>
      </c>
      <c r="J8" s="5" t="s">
        <v>249</v>
      </c>
      <c r="K8" s="5" t="s">
        <v>10</v>
      </c>
      <c r="L8" s="5" t="s">
        <v>15</v>
      </c>
    </row>
    <row r="9" spans="1:13" s="114" customFormat="1" ht="18" customHeight="1">
      <c r="A9" s="183"/>
      <c r="B9" s="185"/>
      <c r="C9" s="6"/>
      <c r="D9" s="6" t="s">
        <v>3</v>
      </c>
      <c r="E9" s="6"/>
      <c r="F9" s="6" t="s">
        <v>6</v>
      </c>
      <c r="G9" s="6"/>
      <c r="H9" s="6"/>
      <c r="I9" s="6" t="s">
        <v>9</v>
      </c>
      <c r="J9" s="81"/>
      <c r="K9" s="6" t="s">
        <v>11</v>
      </c>
      <c r="L9" s="6" t="s">
        <v>12</v>
      </c>
    </row>
    <row r="10" spans="1:13" s="115" customFormat="1" ht="18" customHeight="1">
      <c r="A10" s="184"/>
      <c r="B10" s="185"/>
      <c r="C10" s="7" t="s">
        <v>22</v>
      </c>
      <c r="D10" s="7" t="s">
        <v>23</v>
      </c>
      <c r="E10" s="7" t="s">
        <v>24</v>
      </c>
      <c r="F10" s="7" t="s">
        <v>25</v>
      </c>
      <c r="G10" s="7" t="s">
        <v>26</v>
      </c>
      <c r="H10" s="7" t="s">
        <v>27</v>
      </c>
      <c r="I10" s="7" t="s">
        <v>28</v>
      </c>
      <c r="J10" s="7" t="s">
        <v>29</v>
      </c>
      <c r="K10" s="7" t="s">
        <v>30</v>
      </c>
      <c r="L10" s="7" t="s">
        <v>31</v>
      </c>
    </row>
    <row r="11" spans="1:13" ht="72.650000000000006" customHeight="1">
      <c r="A11" s="92" t="s">
        <v>142</v>
      </c>
      <c r="B11" s="94" t="s">
        <v>301</v>
      </c>
      <c r="C11" s="95">
        <v>2000000</v>
      </c>
      <c r="D11" s="93">
        <v>0</v>
      </c>
      <c r="E11" s="122">
        <f t="shared" ref="E11:E12" si="0">C11-D11</f>
        <v>2000000</v>
      </c>
      <c r="F11" s="141">
        <f>C11</f>
        <v>2000000</v>
      </c>
      <c r="G11" s="96">
        <v>1313000</v>
      </c>
      <c r="H11" s="122">
        <f t="shared" ref="H11:H12" si="1">MIN(E11,F11,G11)</f>
        <v>1313000</v>
      </c>
      <c r="I11" s="122">
        <f>ROUNDDOWN(H11,-3)</f>
        <v>1313000</v>
      </c>
      <c r="J11" s="141">
        <f>ROUNDDOWN(I11*4/5,-3)</f>
        <v>1050000</v>
      </c>
      <c r="K11" s="122">
        <v>0</v>
      </c>
      <c r="L11" s="122">
        <f>J11-K11</f>
        <v>1050000</v>
      </c>
    </row>
    <row r="12" spans="1:13" ht="72.650000000000006" customHeight="1" thickBot="1">
      <c r="A12" s="92" t="s">
        <v>274</v>
      </c>
      <c r="B12" s="94" t="s">
        <v>274</v>
      </c>
      <c r="C12" s="95">
        <v>200000</v>
      </c>
      <c r="D12" s="93">
        <v>0</v>
      </c>
      <c r="E12" s="122">
        <f t="shared" si="0"/>
        <v>200000</v>
      </c>
      <c r="F12" s="141">
        <f>C12</f>
        <v>200000</v>
      </c>
      <c r="G12" s="96">
        <v>600000</v>
      </c>
      <c r="H12" s="122">
        <f t="shared" si="1"/>
        <v>200000</v>
      </c>
      <c r="I12" s="122">
        <f>ROUNDDOWN(H12,-3)</f>
        <v>200000</v>
      </c>
      <c r="J12" s="141">
        <f>ROUNDDOWN(I12*4/5,-3)</f>
        <v>160000</v>
      </c>
      <c r="K12" s="122">
        <v>0</v>
      </c>
      <c r="L12" s="122">
        <f>J12-K12</f>
        <v>160000</v>
      </c>
    </row>
    <row r="13" spans="1:13" ht="72.650000000000006" customHeight="1" thickTop="1">
      <c r="A13" s="176" t="s">
        <v>245</v>
      </c>
      <c r="B13" s="176"/>
      <c r="C13" s="142">
        <f t="shared" ref="C13:L13" si="2">SUM(C11:C12)</f>
        <v>2200000</v>
      </c>
      <c r="D13" s="142">
        <f t="shared" si="2"/>
        <v>0</v>
      </c>
      <c r="E13" s="142">
        <f t="shared" si="2"/>
        <v>2200000</v>
      </c>
      <c r="F13" s="142">
        <f t="shared" si="2"/>
        <v>2200000</v>
      </c>
      <c r="G13" s="142">
        <f t="shared" si="2"/>
        <v>1913000</v>
      </c>
      <c r="H13" s="142">
        <f t="shared" si="2"/>
        <v>1513000</v>
      </c>
      <c r="I13" s="142">
        <f t="shared" si="2"/>
        <v>1513000</v>
      </c>
      <c r="J13" s="142">
        <f t="shared" si="2"/>
        <v>1210000</v>
      </c>
      <c r="K13" s="142">
        <f t="shared" si="2"/>
        <v>0</v>
      </c>
      <c r="L13" s="142">
        <f t="shared" si="2"/>
        <v>1210000</v>
      </c>
    </row>
    <row r="14" spans="1:13" ht="13.5" customHeight="1">
      <c r="A14" s="177"/>
      <c r="B14" s="177"/>
      <c r="C14" s="177"/>
      <c r="D14" s="177"/>
      <c r="E14" s="177"/>
      <c r="F14" s="177"/>
      <c r="G14" s="177"/>
      <c r="H14" s="177"/>
      <c r="I14" s="177"/>
      <c r="J14" s="177"/>
      <c r="K14" s="177"/>
      <c r="L14" s="177"/>
    </row>
    <row r="15" spans="1:13" s="9" customFormat="1" ht="17.25" customHeight="1">
      <c r="A15" s="8" t="s">
        <v>13</v>
      </c>
      <c r="B15" s="8"/>
      <c r="C15" s="8"/>
      <c r="D15" s="8"/>
      <c r="E15" s="8"/>
      <c r="F15" s="8"/>
      <c r="G15" s="8"/>
      <c r="H15" s="8"/>
      <c r="I15" s="8"/>
      <c r="J15" s="8"/>
      <c r="K15" s="8"/>
      <c r="L15" s="8"/>
    </row>
    <row r="16" spans="1:13" s="9" customFormat="1" ht="17.25" customHeight="1">
      <c r="A16" s="8" t="s">
        <v>17</v>
      </c>
      <c r="B16" s="8"/>
      <c r="C16" s="8"/>
      <c r="D16" s="8"/>
      <c r="E16" s="8"/>
      <c r="F16" s="8"/>
      <c r="G16" s="8"/>
      <c r="H16" s="8"/>
      <c r="I16" s="8"/>
      <c r="J16" s="8"/>
      <c r="K16" s="8"/>
      <c r="L16" s="8"/>
    </row>
    <row r="17" spans="1:13" s="9" customFormat="1" ht="17.25" customHeight="1">
      <c r="A17" s="8" t="s">
        <v>21</v>
      </c>
      <c r="B17" s="8"/>
      <c r="C17" s="8"/>
      <c r="D17" s="8"/>
      <c r="E17" s="8"/>
      <c r="F17" s="8"/>
      <c r="G17" s="8"/>
      <c r="H17" s="8"/>
      <c r="I17" s="8"/>
      <c r="J17" s="8"/>
      <c r="K17" s="8"/>
      <c r="L17" s="8"/>
    </row>
    <row r="18" spans="1:13" ht="17.25" customHeight="1">
      <c r="A18" s="8" t="s">
        <v>19</v>
      </c>
      <c r="B18" s="8"/>
      <c r="C18" s="8"/>
      <c r="D18" s="8"/>
      <c r="E18" s="8"/>
      <c r="F18" s="8"/>
      <c r="G18" s="8"/>
      <c r="H18" s="8"/>
      <c r="I18" s="8"/>
      <c r="J18" s="8"/>
      <c r="K18" s="8"/>
      <c r="L18" s="8"/>
    </row>
    <row r="19" spans="1:13">
      <c r="A19" s="178"/>
      <c r="B19" s="178"/>
      <c r="C19" s="178"/>
      <c r="D19" s="178"/>
      <c r="E19" s="178"/>
      <c r="F19" s="178"/>
      <c r="G19" s="178"/>
      <c r="H19" s="178"/>
      <c r="I19" s="178"/>
      <c r="J19" s="178"/>
      <c r="K19" s="178"/>
      <c r="L19" s="178"/>
      <c r="M19" s="178"/>
    </row>
  </sheetData>
  <mergeCells count="8">
    <mergeCell ref="A13:B13"/>
    <mergeCell ref="A14:L14"/>
    <mergeCell ref="A19:M19"/>
    <mergeCell ref="A2:L2"/>
    <mergeCell ref="I4:L4"/>
    <mergeCell ref="K6:L6"/>
    <mergeCell ref="A8:A10"/>
    <mergeCell ref="B8:B10"/>
  </mergeCells>
  <phoneticPr fontId="4"/>
  <dataValidations count="3">
    <dataValidation imeMode="halfAlpha" allowBlank="1" showInputMessage="1" showErrorMessage="1" sqref="K11:K12 C11:D12" xr:uid="{EF576721-E13C-45C7-9135-552E3E742E0A}"/>
    <dataValidation type="list" allowBlank="1" showInputMessage="1" showErrorMessage="1" sqref="G11:G12" xr:uid="{FB6FA581-5E5A-456E-A3D4-F605179C86C4}">
      <formula1>"1313000,1938000,2563000,3188000,600000"</formula1>
    </dataValidation>
    <dataValidation type="list" allowBlank="1" showInputMessage="1" showErrorMessage="1" sqref="A11:A12" xr:uid="{BC1A4823-3298-483F-BF7F-15BCE312FDA0}">
      <formula1>"介護テクノロジー等の導入支援事業,導入支援と一体的に行う業務改善支援事業"</formula1>
    </dataValidation>
  </dataValidations>
  <printOptions horizontalCentered="1"/>
  <pageMargins left="0.59055118110236227" right="0.59055118110236227" top="0.78740157480314965" bottom="0.78740157480314965" header="0.19685039370078741" footer="0.51181102362204722"/>
  <pageSetup paperSize="9" scale="57" firstPageNumber="17" orientation="landscape" useFirstPageNumber="1" horizontalDpi="300" verticalDpi="300" r:id="rId1"/>
  <headerFooter alignWithMargins="0"/>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1C7B1217-446F-4874-9636-1A0EAEE2E4EA}">
          <x14:formula1>
            <xm:f>データ!$E$2:$E$4</xm:f>
          </x14:formula1>
          <xm:sqref>B11:B12</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6FB1775-92ED-4E0D-8104-DD3470345300}">
  <dimension ref="A1:P72"/>
  <sheetViews>
    <sheetView showGridLines="0" view="pageBreakPreview" topLeftCell="C24" zoomScaleNormal="75" zoomScaleSheetLayoutView="100" workbookViewId="0">
      <selection activeCell="E45" sqref="E45"/>
    </sheetView>
  </sheetViews>
  <sheetFormatPr defaultColWidth="12.453125" defaultRowHeight="21" customHeight="1"/>
  <cols>
    <col min="1" max="3" width="2.36328125" style="123" customWidth="1"/>
    <col min="4" max="4" width="16.90625" style="123" customWidth="1"/>
    <col min="5" max="5" width="6.36328125" style="123" customWidth="1"/>
    <col min="6" max="6" width="22.54296875" style="123" customWidth="1"/>
    <col min="7" max="7" width="54.54296875" style="123" customWidth="1"/>
    <col min="8" max="8" width="8.36328125" style="123" customWidth="1"/>
    <col min="9" max="9" width="12.36328125" style="123" customWidth="1"/>
    <col min="10" max="256" width="12.453125" style="123"/>
    <col min="257" max="259" width="2.36328125" style="123" customWidth="1"/>
    <col min="260" max="260" width="16.90625" style="123" customWidth="1"/>
    <col min="261" max="261" width="6.36328125" style="123" customWidth="1"/>
    <col min="262" max="262" width="22.54296875" style="123" customWidth="1"/>
    <col min="263" max="263" width="54.54296875" style="123" customWidth="1"/>
    <col min="264" max="264" width="8.36328125" style="123" customWidth="1"/>
    <col min="265" max="265" width="12.36328125" style="123" customWidth="1"/>
    <col min="266" max="512" width="12.453125" style="123"/>
    <col min="513" max="515" width="2.36328125" style="123" customWidth="1"/>
    <col min="516" max="516" width="16.90625" style="123" customWidth="1"/>
    <col min="517" max="517" width="6.36328125" style="123" customWidth="1"/>
    <col min="518" max="518" width="22.54296875" style="123" customWidth="1"/>
    <col min="519" max="519" width="54.54296875" style="123" customWidth="1"/>
    <col min="520" max="520" width="8.36328125" style="123" customWidth="1"/>
    <col min="521" max="521" width="12.36328125" style="123" customWidth="1"/>
    <col min="522" max="768" width="12.453125" style="123"/>
    <col min="769" max="771" width="2.36328125" style="123" customWidth="1"/>
    <col min="772" max="772" width="16.90625" style="123" customWidth="1"/>
    <col min="773" max="773" width="6.36328125" style="123" customWidth="1"/>
    <col min="774" max="774" width="22.54296875" style="123" customWidth="1"/>
    <col min="775" max="775" width="54.54296875" style="123" customWidth="1"/>
    <col min="776" max="776" width="8.36328125" style="123" customWidth="1"/>
    <col min="777" max="777" width="12.36328125" style="123" customWidth="1"/>
    <col min="778" max="1024" width="12.453125" style="123"/>
    <col min="1025" max="1027" width="2.36328125" style="123" customWidth="1"/>
    <col min="1028" max="1028" width="16.90625" style="123" customWidth="1"/>
    <col min="1029" max="1029" width="6.36328125" style="123" customWidth="1"/>
    <col min="1030" max="1030" width="22.54296875" style="123" customWidth="1"/>
    <col min="1031" max="1031" width="54.54296875" style="123" customWidth="1"/>
    <col min="1032" max="1032" width="8.36328125" style="123" customWidth="1"/>
    <col min="1033" max="1033" width="12.36328125" style="123" customWidth="1"/>
    <col min="1034" max="1280" width="12.453125" style="123"/>
    <col min="1281" max="1283" width="2.36328125" style="123" customWidth="1"/>
    <col min="1284" max="1284" width="16.90625" style="123" customWidth="1"/>
    <col min="1285" max="1285" width="6.36328125" style="123" customWidth="1"/>
    <col min="1286" max="1286" width="22.54296875" style="123" customWidth="1"/>
    <col min="1287" max="1287" width="54.54296875" style="123" customWidth="1"/>
    <col min="1288" max="1288" width="8.36328125" style="123" customWidth="1"/>
    <col min="1289" max="1289" width="12.36328125" style="123" customWidth="1"/>
    <col min="1290" max="1536" width="12.453125" style="123"/>
    <col min="1537" max="1539" width="2.36328125" style="123" customWidth="1"/>
    <col min="1540" max="1540" width="16.90625" style="123" customWidth="1"/>
    <col min="1541" max="1541" width="6.36328125" style="123" customWidth="1"/>
    <col min="1542" max="1542" width="22.54296875" style="123" customWidth="1"/>
    <col min="1543" max="1543" width="54.54296875" style="123" customWidth="1"/>
    <col min="1544" max="1544" width="8.36328125" style="123" customWidth="1"/>
    <col min="1545" max="1545" width="12.36328125" style="123" customWidth="1"/>
    <col min="1546" max="1792" width="12.453125" style="123"/>
    <col min="1793" max="1795" width="2.36328125" style="123" customWidth="1"/>
    <col min="1796" max="1796" width="16.90625" style="123" customWidth="1"/>
    <col min="1797" max="1797" width="6.36328125" style="123" customWidth="1"/>
    <col min="1798" max="1798" width="22.54296875" style="123" customWidth="1"/>
    <col min="1799" max="1799" width="54.54296875" style="123" customWidth="1"/>
    <col min="1800" max="1800" width="8.36328125" style="123" customWidth="1"/>
    <col min="1801" max="1801" width="12.36328125" style="123" customWidth="1"/>
    <col min="1802" max="2048" width="12.453125" style="123"/>
    <col min="2049" max="2051" width="2.36328125" style="123" customWidth="1"/>
    <col min="2052" max="2052" width="16.90625" style="123" customWidth="1"/>
    <col min="2053" max="2053" width="6.36328125" style="123" customWidth="1"/>
    <col min="2054" max="2054" width="22.54296875" style="123" customWidth="1"/>
    <col min="2055" max="2055" width="54.54296875" style="123" customWidth="1"/>
    <col min="2056" max="2056" width="8.36328125" style="123" customWidth="1"/>
    <col min="2057" max="2057" width="12.36328125" style="123" customWidth="1"/>
    <col min="2058" max="2304" width="12.453125" style="123"/>
    <col min="2305" max="2307" width="2.36328125" style="123" customWidth="1"/>
    <col min="2308" max="2308" width="16.90625" style="123" customWidth="1"/>
    <col min="2309" max="2309" width="6.36328125" style="123" customWidth="1"/>
    <col min="2310" max="2310" width="22.54296875" style="123" customWidth="1"/>
    <col min="2311" max="2311" width="54.54296875" style="123" customWidth="1"/>
    <col min="2312" max="2312" width="8.36328125" style="123" customWidth="1"/>
    <col min="2313" max="2313" width="12.36328125" style="123" customWidth="1"/>
    <col min="2314" max="2560" width="12.453125" style="123"/>
    <col min="2561" max="2563" width="2.36328125" style="123" customWidth="1"/>
    <col min="2564" max="2564" width="16.90625" style="123" customWidth="1"/>
    <col min="2565" max="2565" width="6.36328125" style="123" customWidth="1"/>
    <col min="2566" max="2566" width="22.54296875" style="123" customWidth="1"/>
    <col min="2567" max="2567" width="54.54296875" style="123" customWidth="1"/>
    <col min="2568" max="2568" width="8.36328125" style="123" customWidth="1"/>
    <col min="2569" max="2569" width="12.36328125" style="123" customWidth="1"/>
    <col min="2570" max="2816" width="12.453125" style="123"/>
    <col min="2817" max="2819" width="2.36328125" style="123" customWidth="1"/>
    <col min="2820" max="2820" width="16.90625" style="123" customWidth="1"/>
    <col min="2821" max="2821" width="6.36328125" style="123" customWidth="1"/>
    <col min="2822" max="2822" width="22.54296875" style="123" customWidth="1"/>
    <col min="2823" max="2823" width="54.54296875" style="123" customWidth="1"/>
    <col min="2824" max="2824" width="8.36328125" style="123" customWidth="1"/>
    <col min="2825" max="2825" width="12.36328125" style="123" customWidth="1"/>
    <col min="2826" max="3072" width="12.453125" style="123"/>
    <col min="3073" max="3075" width="2.36328125" style="123" customWidth="1"/>
    <col min="3076" max="3076" width="16.90625" style="123" customWidth="1"/>
    <col min="3077" max="3077" width="6.36328125" style="123" customWidth="1"/>
    <col min="3078" max="3078" width="22.54296875" style="123" customWidth="1"/>
    <col min="3079" max="3079" width="54.54296875" style="123" customWidth="1"/>
    <col min="3080" max="3080" width="8.36328125" style="123" customWidth="1"/>
    <col min="3081" max="3081" width="12.36328125" style="123" customWidth="1"/>
    <col min="3082" max="3328" width="12.453125" style="123"/>
    <col min="3329" max="3331" width="2.36328125" style="123" customWidth="1"/>
    <col min="3332" max="3332" width="16.90625" style="123" customWidth="1"/>
    <col min="3333" max="3333" width="6.36328125" style="123" customWidth="1"/>
    <col min="3334" max="3334" width="22.54296875" style="123" customWidth="1"/>
    <col min="3335" max="3335" width="54.54296875" style="123" customWidth="1"/>
    <col min="3336" max="3336" width="8.36328125" style="123" customWidth="1"/>
    <col min="3337" max="3337" width="12.36328125" style="123" customWidth="1"/>
    <col min="3338" max="3584" width="12.453125" style="123"/>
    <col min="3585" max="3587" width="2.36328125" style="123" customWidth="1"/>
    <col min="3588" max="3588" width="16.90625" style="123" customWidth="1"/>
    <col min="3589" max="3589" width="6.36328125" style="123" customWidth="1"/>
    <col min="3590" max="3590" width="22.54296875" style="123" customWidth="1"/>
    <col min="3591" max="3591" width="54.54296875" style="123" customWidth="1"/>
    <col min="3592" max="3592" width="8.36328125" style="123" customWidth="1"/>
    <col min="3593" max="3593" width="12.36328125" style="123" customWidth="1"/>
    <col min="3594" max="3840" width="12.453125" style="123"/>
    <col min="3841" max="3843" width="2.36328125" style="123" customWidth="1"/>
    <col min="3844" max="3844" width="16.90625" style="123" customWidth="1"/>
    <col min="3845" max="3845" width="6.36328125" style="123" customWidth="1"/>
    <col min="3846" max="3846" width="22.54296875" style="123" customWidth="1"/>
    <col min="3847" max="3847" width="54.54296875" style="123" customWidth="1"/>
    <col min="3848" max="3848" width="8.36328125" style="123" customWidth="1"/>
    <col min="3849" max="3849" width="12.36328125" style="123" customWidth="1"/>
    <col min="3850" max="4096" width="12.453125" style="123"/>
    <col min="4097" max="4099" width="2.36328125" style="123" customWidth="1"/>
    <col min="4100" max="4100" width="16.90625" style="123" customWidth="1"/>
    <col min="4101" max="4101" width="6.36328125" style="123" customWidth="1"/>
    <col min="4102" max="4102" width="22.54296875" style="123" customWidth="1"/>
    <col min="4103" max="4103" width="54.54296875" style="123" customWidth="1"/>
    <col min="4104" max="4104" width="8.36328125" style="123" customWidth="1"/>
    <col min="4105" max="4105" width="12.36328125" style="123" customWidth="1"/>
    <col min="4106" max="4352" width="12.453125" style="123"/>
    <col min="4353" max="4355" width="2.36328125" style="123" customWidth="1"/>
    <col min="4356" max="4356" width="16.90625" style="123" customWidth="1"/>
    <col min="4357" max="4357" width="6.36328125" style="123" customWidth="1"/>
    <col min="4358" max="4358" width="22.54296875" style="123" customWidth="1"/>
    <col min="4359" max="4359" width="54.54296875" style="123" customWidth="1"/>
    <col min="4360" max="4360" width="8.36328125" style="123" customWidth="1"/>
    <col min="4361" max="4361" width="12.36328125" style="123" customWidth="1"/>
    <col min="4362" max="4608" width="12.453125" style="123"/>
    <col min="4609" max="4611" width="2.36328125" style="123" customWidth="1"/>
    <col min="4612" max="4612" width="16.90625" style="123" customWidth="1"/>
    <col min="4613" max="4613" width="6.36328125" style="123" customWidth="1"/>
    <col min="4614" max="4614" width="22.54296875" style="123" customWidth="1"/>
    <col min="4615" max="4615" width="54.54296875" style="123" customWidth="1"/>
    <col min="4616" max="4616" width="8.36328125" style="123" customWidth="1"/>
    <col min="4617" max="4617" width="12.36328125" style="123" customWidth="1"/>
    <col min="4618" max="4864" width="12.453125" style="123"/>
    <col min="4865" max="4867" width="2.36328125" style="123" customWidth="1"/>
    <col min="4868" max="4868" width="16.90625" style="123" customWidth="1"/>
    <col min="4869" max="4869" width="6.36328125" style="123" customWidth="1"/>
    <col min="4870" max="4870" width="22.54296875" style="123" customWidth="1"/>
    <col min="4871" max="4871" width="54.54296875" style="123" customWidth="1"/>
    <col min="4872" max="4872" width="8.36328125" style="123" customWidth="1"/>
    <col min="4873" max="4873" width="12.36328125" style="123" customWidth="1"/>
    <col min="4874" max="5120" width="12.453125" style="123"/>
    <col min="5121" max="5123" width="2.36328125" style="123" customWidth="1"/>
    <col min="5124" max="5124" width="16.90625" style="123" customWidth="1"/>
    <col min="5125" max="5125" width="6.36328125" style="123" customWidth="1"/>
    <col min="5126" max="5126" width="22.54296875" style="123" customWidth="1"/>
    <col min="5127" max="5127" width="54.54296875" style="123" customWidth="1"/>
    <col min="5128" max="5128" width="8.36328125" style="123" customWidth="1"/>
    <col min="5129" max="5129" width="12.36328125" style="123" customWidth="1"/>
    <col min="5130" max="5376" width="12.453125" style="123"/>
    <col min="5377" max="5379" width="2.36328125" style="123" customWidth="1"/>
    <col min="5380" max="5380" width="16.90625" style="123" customWidth="1"/>
    <col min="5381" max="5381" width="6.36328125" style="123" customWidth="1"/>
    <col min="5382" max="5382" width="22.54296875" style="123" customWidth="1"/>
    <col min="5383" max="5383" width="54.54296875" style="123" customWidth="1"/>
    <col min="5384" max="5384" width="8.36328125" style="123" customWidth="1"/>
    <col min="5385" max="5385" width="12.36328125" style="123" customWidth="1"/>
    <col min="5386" max="5632" width="12.453125" style="123"/>
    <col min="5633" max="5635" width="2.36328125" style="123" customWidth="1"/>
    <col min="5636" max="5636" width="16.90625" style="123" customWidth="1"/>
    <col min="5637" max="5637" width="6.36328125" style="123" customWidth="1"/>
    <col min="5638" max="5638" width="22.54296875" style="123" customWidth="1"/>
    <col min="5639" max="5639" width="54.54296875" style="123" customWidth="1"/>
    <col min="5640" max="5640" width="8.36328125" style="123" customWidth="1"/>
    <col min="5641" max="5641" width="12.36328125" style="123" customWidth="1"/>
    <col min="5642" max="5888" width="12.453125" style="123"/>
    <col min="5889" max="5891" width="2.36328125" style="123" customWidth="1"/>
    <col min="5892" max="5892" width="16.90625" style="123" customWidth="1"/>
    <col min="5893" max="5893" width="6.36328125" style="123" customWidth="1"/>
    <col min="5894" max="5894" width="22.54296875" style="123" customWidth="1"/>
    <col min="5895" max="5895" width="54.54296875" style="123" customWidth="1"/>
    <col min="5896" max="5896" width="8.36328125" style="123" customWidth="1"/>
    <col min="5897" max="5897" width="12.36328125" style="123" customWidth="1"/>
    <col min="5898" max="6144" width="12.453125" style="123"/>
    <col min="6145" max="6147" width="2.36328125" style="123" customWidth="1"/>
    <col min="6148" max="6148" width="16.90625" style="123" customWidth="1"/>
    <col min="6149" max="6149" width="6.36328125" style="123" customWidth="1"/>
    <col min="6150" max="6150" width="22.54296875" style="123" customWidth="1"/>
    <col min="6151" max="6151" width="54.54296875" style="123" customWidth="1"/>
    <col min="6152" max="6152" width="8.36328125" style="123" customWidth="1"/>
    <col min="6153" max="6153" width="12.36328125" style="123" customWidth="1"/>
    <col min="6154" max="6400" width="12.453125" style="123"/>
    <col min="6401" max="6403" width="2.36328125" style="123" customWidth="1"/>
    <col min="6404" max="6404" width="16.90625" style="123" customWidth="1"/>
    <col min="6405" max="6405" width="6.36328125" style="123" customWidth="1"/>
    <col min="6406" max="6406" width="22.54296875" style="123" customWidth="1"/>
    <col min="6407" max="6407" width="54.54296875" style="123" customWidth="1"/>
    <col min="6408" max="6408" width="8.36328125" style="123" customWidth="1"/>
    <col min="6409" max="6409" width="12.36328125" style="123" customWidth="1"/>
    <col min="6410" max="6656" width="12.453125" style="123"/>
    <col min="6657" max="6659" width="2.36328125" style="123" customWidth="1"/>
    <col min="6660" max="6660" width="16.90625" style="123" customWidth="1"/>
    <col min="6661" max="6661" width="6.36328125" style="123" customWidth="1"/>
    <col min="6662" max="6662" width="22.54296875" style="123" customWidth="1"/>
    <col min="6663" max="6663" width="54.54296875" style="123" customWidth="1"/>
    <col min="6664" max="6664" width="8.36328125" style="123" customWidth="1"/>
    <col min="6665" max="6665" width="12.36328125" style="123" customWidth="1"/>
    <col min="6666" max="6912" width="12.453125" style="123"/>
    <col min="6913" max="6915" width="2.36328125" style="123" customWidth="1"/>
    <col min="6916" max="6916" width="16.90625" style="123" customWidth="1"/>
    <col min="6917" max="6917" width="6.36328125" style="123" customWidth="1"/>
    <col min="6918" max="6918" width="22.54296875" style="123" customWidth="1"/>
    <col min="6919" max="6919" width="54.54296875" style="123" customWidth="1"/>
    <col min="6920" max="6920" width="8.36328125" style="123" customWidth="1"/>
    <col min="6921" max="6921" width="12.36328125" style="123" customWidth="1"/>
    <col min="6922" max="7168" width="12.453125" style="123"/>
    <col min="7169" max="7171" width="2.36328125" style="123" customWidth="1"/>
    <col min="7172" max="7172" width="16.90625" style="123" customWidth="1"/>
    <col min="7173" max="7173" width="6.36328125" style="123" customWidth="1"/>
    <col min="7174" max="7174" width="22.54296875" style="123" customWidth="1"/>
    <col min="7175" max="7175" width="54.54296875" style="123" customWidth="1"/>
    <col min="7176" max="7176" width="8.36328125" style="123" customWidth="1"/>
    <col min="7177" max="7177" width="12.36328125" style="123" customWidth="1"/>
    <col min="7178" max="7424" width="12.453125" style="123"/>
    <col min="7425" max="7427" width="2.36328125" style="123" customWidth="1"/>
    <col min="7428" max="7428" width="16.90625" style="123" customWidth="1"/>
    <col min="7429" max="7429" width="6.36328125" style="123" customWidth="1"/>
    <col min="7430" max="7430" width="22.54296875" style="123" customWidth="1"/>
    <col min="7431" max="7431" width="54.54296875" style="123" customWidth="1"/>
    <col min="7432" max="7432" width="8.36328125" style="123" customWidth="1"/>
    <col min="7433" max="7433" width="12.36328125" style="123" customWidth="1"/>
    <col min="7434" max="7680" width="12.453125" style="123"/>
    <col min="7681" max="7683" width="2.36328125" style="123" customWidth="1"/>
    <col min="7684" max="7684" width="16.90625" style="123" customWidth="1"/>
    <col min="7685" max="7685" width="6.36328125" style="123" customWidth="1"/>
    <col min="7686" max="7686" width="22.54296875" style="123" customWidth="1"/>
    <col min="7687" max="7687" width="54.54296875" style="123" customWidth="1"/>
    <col min="7688" max="7688" width="8.36328125" style="123" customWidth="1"/>
    <col min="7689" max="7689" width="12.36328125" style="123" customWidth="1"/>
    <col min="7690" max="7936" width="12.453125" style="123"/>
    <col min="7937" max="7939" width="2.36328125" style="123" customWidth="1"/>
    <col min="7940" max="7940" width="16.90625" style="123" customWidth="1"/>
    <col min="7941" max="7941" width="6.36328125" style="123" customWidth="1"/>
    <col min="7942" max="7942" width="22.54296875" style="123" customWidth="1"/>
    <col min="7943" max="7943" width="54.54296875" style="123" customWidth="1"/>
    <col min="7944" max="7944" width="8.36328125" style="123" customWidth="1"/>
    <col min="7945" max="7945" width="12.36328125" style="123" customWidth="1"/>
    <col min="7946" max="8192" width="12.453125" style="123"/>
    <col min="8193" max="8195" width="2.36328125" style="123" customWidth="1"/>
    <col min="8196" max="8196" width="16.90625" style="123" customWidth="1"/>
    <col min="8197" max="8197" width="6.36328125" style="123" customWidth="1"/>
    <col min="8198" max="8198" width="22.54296875" style="123" customWidth="1"/>
    <col min="8199" max="8199" width="54.54296875" style="123" customWidth="1"/>
    <col min="8200" max="8200" width="8.36328125" style="123" customWidth="1"/>
    <col min="8201" max="8201" width="12.36328125" style="123" customWidth="1"/>
    <col min="8202" max="8448" width="12.453125" style="123"/>
    <col min="8449" max="8451" width="2.36328125" style="123" customWidth="1"/>
    <col min="8452" max="8452" width="16.90625" style="123" customWidth="1"/>
    <col min="8453" max="8453" width="6.36328125" style="123" customWidth="1"/>
    <col min="8454" max="8454" width="22.54296875" style="123" customWidth="1"/>
    <col min="8455" max="8455" width="54.54296875" style="123" customWidth="1"/>
    <col min="8456" max="8456" width="8.36328125" style="123" customWidth="1"/>
    <col min="8457" max="8457" width="12.36328125" style="123" customWidth="1"/>
    <col min="8458" max="8704" width="12.453125" style="123"/>
    <col min="8705" max="8707" width="2.36328125" style="123" customWidth="1"/>
    <col min="8708" max="8708" width="16.90625" style="123" customWidth="1"/>
    <col min="8709" max="8709" width="6.36328125" style="123" customWidth="1"/>
    <col min="8710" max="8710" width="22.54296875" style="123" customWidth="1"/>
    <col min="8711" max="8711" width="54.54296875" style="123" customWidth="1"/>
    <col min="8712" max="8712" width="8.36328125" style="123" customWidth="1"/>
    <col min="8713" max="8713" width="12.36328125" style="123" customWidth="1"/>
    <col min="8714" max="8960" width="12.453125" style="123"/>
    <col min="8961" max="8963" width="2.36328125" style="123" customWidth="1"/>
    <col min="8964" max="8964" width="16.90625" style="123" customWidth="1"/>
    <col min="8965" max="8965" width="6.36328125" style="123" customWidth="1"/>
    <col min="8966" max="8966" width="22.54296875" style="123" customWidth="1"/>
    <col min="8967" max="8967" width="54.54296875" style="123" customWidth="1"/>
    <col min="8968" max="8968" width="8.36328125" style="123" customWidth="1"/>
    <col min="8969" max="8969" width="12.36328125" style="123" customWidth="1"/>
    <col min="8970" max="9216" width="12.453125" style="123"/>
    <col min="9217" max="9219" width="2.36328125" style="123" customWidth="1"/>
    <col min="9220" max="9220" width="16.90625" style="123" customWidth="1"/>
    <col min="9221" max="9221" width="6.36328125" style="123" customWidth="1"/>
    <col min="9222" max="9222" width="22.54296875" style="123" customWidth="1"/>
    <col min="9223" max="9223" width="54.54296875" style="123" customWidth="1"/>
    <col min="9224" max="9224" width="8.36328125" style="123" customWidth="1"/>
    <col min="9225" max="9225" width="12.36328125" style="123" customWidth="1"/>
    <col min="9226" max="9472" width="12.453125" style="123"/>
    <col min="9473" max="9475" width="2.36328125" style="123" customWidth="1"/>
    <col min="9476" max="9476" width="16.90625" style="123" customWidth="1"/>
    <col min="9477" max="9477" width="6.36328125" style="123" customWidth="1"/>
    <col min="9478" max="9478" width="22.54296875" style="123" customWidth="1"/>
    <col min="9479" max="9479" width="54.54296875" style="123" customWidth="1"/>
    <col min="9480" max="9480" width="8.36328125" style="123" customWidth="1"/>
    <col min="9481" max="9481" width="12.36328125" style="123" customWidth="1"/>
    <col min="9482" max="9728" width="12.453125" style="123"/>
    <col min="9729" max="9731" width="2.36328125" style="123" customWidth="1"/>
    <col min="9732" max="9732" width="16.90625" style="123" customWidth="1"/>
    <col min="9733" max="9733" width="6.36328125" style="123" customWidth="1"/>
    <col min="9734" max="9734" width="22.54296875" style="123" customWidth="1"/>
    <col min="9735" max="9735" width="54.54296875" style="123" customWidth="1"/>
    <col min="9736" max="9736" width="8.36328125" style="123" customWidth="1"/>
    <col min="9737" max="9737" width="12.36328125" style="123" customWidth="1"/>
    <col min="9738" max="9984" width="12.453125" style="123"/>
    <col min="9985" max="9987" width="2.36328125" style="123" customWidth="1"/>
    <col min="9988" max="9988" width="16.90625" style="123" customWidth="1"/>
    <col min="9989" max="9989" width="6.36328125" style="123" customWidth="1"/>
    <col min="9990" max="9990" width="22.54296875" style="123" customWidth="1"/>
    <col min="9991" max="9991" width="54.54296875" style="123" customWidth="1"/>
    <col min="9992" max="9992" width="8.36328125" style="123" customWidth="1"/>
    <col min="9993" max="9993" width="12.36328125" style="123" customWidth="1"/>
    <col min="9994" max="10240" width="12.453125" style="123"/>
    <col min="10241" max="10243" width="2.36328125" style="123" customWidth="1"/>
    <col min="10244" max="10244" width="16.90625" style="123" customWidth="1"/>
    <col min="10245" max="10245" width="6.36328125" style="123" customWidth="1"/>
    <col min="10246" max="10246" width="22.54296875" style="123" customWidth="1"/>
    <col min="10247" max="10247" width="54.54296875" style="123" customWidth="1"/>
    <col min="10248" max="10248" width="8.36328125" style="123" customWidth="1"/>
    <col min="10249" max="10249" width="12.36328125" style="123" customWidth="1"/>
    <col min="10250" max="10496" width="12.453125" style="123"/>
    <col min="10497" max="10499" width="2.36328125" style="123" customWidth="1"/>
    <col min="10500" max="10500" width="16.90625" style="123" customWidth="1"/>
    <col min="10501" max="10501" width="6.36328125" style="123" customWidth="1"/>
    <col min="10502" max="10502" width="22.54296875" style="123" customWidth="1"/>
    <col min="10503" max="10503" width="54.54296875" style="123" customWidth="1"/>
    <col min="10504" max="10504" width="8.36328125" style="123" customWidth="1"/>
    <col min="10505" max="10505" width="12.36328125" style="123" customWidth="1"/>
    <col min="10506" max="10752" width="12.453125" style="123"/>
    <col min="10753" max="10755" width="2.36328125" style="123" customWidth="1"/>
    <col min="10756" max="10756" width="16.90625" style="123" customWidth="1"/>
    <col min="10757" max="10757" width="6.36328125" style="123" customWidth="1"/>
    <col min="10758" max="10758" width="22.54296875" style="123" customWidth="1"/>
    <col min="10759" max="10759" width="54.54296875" style="123" customWidth="1"/>
    <col min="10760" max="10760" width="8.36328125" style="123" customWidth="1"/>
    <col min="10761" max="10761" width="12.36328125" style="123" customWidth="1"/>
    <col min="10762" max="11008" width="12.453125" style="123"/>
    <col min="11009" max="11011" width="2.36328125" style="123" customWidth="1"/>
    <col min="11012" max="11012" width="16.90625" style="123" customWidth="1"/>
    <col min="11013" max="11013" width="6.36328125" style="123" customWidth="1"/>
    <col min="11014" max="11014" width="22.54296875" style="123" customWidth="1"/>
    <col min="11015" max="11015" width="54.54296875" style="123" customWidth="1"/>
    <col min="11016" max="11016" width="8.36328125" style="123" customWidth="1"/>
    <col min="11017" max="11017" width="12.36328125" style="123" customWidth="1"/>
    <col min="11018" max="11264" width="12.453125" style="123"/>
    <col min="11265" max="11267" width="2.36328125" style="123" customWidth="1"/>
    <col min="11268" max="11268" width="16.90625" style="123" customWidth="1"/>
    <col min="11269" max="11269" width="6.36328125" style="123" customWidth="1"/>
    <col min="11270" max="11270" width="22.54296875" style="123" customWidth="1"/>
    <col min="11271" max="11271" width="54.54296875" style="123" customWidth="1"/>
    <col min="11272" max="11272" width="8.36328125" style="123" customWidth="1"/>
    <col min="11273" max="11273" width="12.36328125" style="123" customWidth="1"/>
    <col min="11274" max="11520" width="12.453125" style="123"/>
    <col min="11521" max="11523" width="2.36328125" style="123" customWidth="1"/>
    <col min="11524" max="11524" width="16.90625" style="123" customWidth="1"/>
    <col min="11525" max="11525" width="6.36328125" style="123" customWidth="1"/>
    <col min="11526" max="11526" width="22.54296875" style="123" customWidth="1"/>
    <col min="11527" max="11527" width="54.54296875" style="123" customWidth="1"/>
    <col min="11528" max="11528" width="8.36328125" style="123" customWidth="1"/>
    <col min="11529" max="11529" width="12.36328125" style="123" customWidth="1"/>
    <col min="11530" max="11776" width="12.453125" style="123"/>
    <col min="11777" max="11779" width="2.36328125" style="123" customWidth="1"/>
    <col min="11780" max="11780" width="16.90625" style="123" customWidth="1"/>
    <col min="11781" max="11781" width="6.36328125" style="123" customWidth="1"/>
    <col min="11782" max="11782" width="22.54296875" style="123" customWidth="1"/>
    <col min="11783" max="11783" width="54.54296875" style="123" customWidth="1"/>
    <col min="11784" max="11784" width="8.36328125" style="123" customWidth="1"/>
    <col min="11785" max="11785" width="12.36328125" style="123" customWidth="1"/>
    <col min="11786" max="12032" width="12.453125" style="123"/>
    <col min="12033" max="12035" width="2.36328125" style="123" customWidth="1"/>
    <col min="12036" max="12036" width="16.90625" style="123" customWidth="1"/>
    <col min="12037" max="12037" width="6.36328125" style="123" customWidth="1"/>
    <col min="12038" max="12038" width="22.54296875" style="123" customWidth="1"/>
    <col min="12039" max="12039" width="54.54296875" style="123" customWidth="1"/>
    <col min="12040" max="12040" width="8.36328125" style="123" customWidth="1"/>
    <col min="12041" max="12041" width="12.36328125" style="123" customWidth="1"/>
    <col min="12042" max="12288" width="12.453125" style="123"/>
    <col min="12289" max="12291" width="2.36328125" style="123" customWidth="1"/>
    <col min="12292" max="12292" width="16.90625" style="123" customWidth="1"/>
    <col min="12293" max="12293" width="6.36328125" style="123" customWidth="1"/>
    <col min="12294" max="12294" width="22.54296875" style="123" customWidth="1"/>
    <col min="12295" max="12295" width="54.54296875" style="123" customWidth="1"/>
    <col min="12296" max="12296" width="8.36328125" style="123" customWidth="1"/>
    <col min="12297" max="12297" width="12.36328125" style="123" customWidth="1"/>
    <col min="12298" max="12544" width="12.453125" style="123"/>
    <col min="12545" max="12547" width="2.36328125" style="123" customWidth="1"/>
    <col min="12548" max="12548" width="16.90625" style="123" customWidth="1"/>
    <col min="12549" max="12549" width="6.36328125" style="123" customWidth="1"/>
    <col min="12550" max="12550" width="22.54296875" style="123" customWidth="1"/>
    <col min="12551" max="12551" width="54.54296875" style="123" customWidth="1"/>
    <col min="12552" max="12552" width="8.36328125" style="123" customWidth="1"/>
    <col min="12553" max="12553" width="12.36328125" style="123" customWidth="1"/>
    <col min="12554" max="12800" width="12.453125" style="123"/>
    <col min="12801" max="12803" width="2.36328125" style="123" customWidth="1"/>
    <col min="12804" max="12804" width="16.90625" style="123" customWidth="1"/>
    <col min="12805" max="12805" width="6.36328125" style="123" customWidth="1"/>
    <col min="12806" max="12806" width="22.54296875" style="123" customWidth="1"/>
    <col min="12807" max="12807" width="54.54296875" style="123" customWidth="1"/>
    <col min="12808" max="12808" width="8.36328125" style="123" customWidth="1"/>
    <col min="12809" max="12809" width="12.36328125" style="123" customWidth="1"/>
    <col min="12810" max="13056" width="12.453125" style="123"/>
    <col min="13057" max="13059" width="2.36328125" style="123" customWidth="1"/>
    <col min="13060" max="13060" width="16.90625" style="123" customWidth="1"/>
    <col min="13061" max="13061" width="6.36328125" style="123" customWidth="1"/>
    <col min="13062" max="13062" width="22.54296875" style="123" customWidth="1"/>
    <col min="13063" max="13063" width="54.54296875" style="123" customWidth="1"/>
    <col min="13064" max="13064" width="8.36328125" style="123" customWidth="1"/>
    <col min="13065" max="13065" width="12.36328125" style="123" customWidth="1"/>
    <col min="13066" max="13312" width="12.453125" style="123"/>
    <col min="13313" max="13315" width="2.36328125" style="123" customWidth="1"/>
    <col min="13316" max="13316" width="16.90625" style="123" customWidth="1"/>
    <col min="13317" max="13317" width="6.36328125" style="123" customWidth="1"/>
    <col min="13318" max="13318" width="22.54296875" style="123" customWidth="1"/>
    <col min="13319" max="13319" width="54.54296875" style="123" customWidth="1"/>
    <col min="13320" max="13320" width="8.36328125" style="123" customWidth="1"/>
    <col min="13321" max="13321" width="12.36328125" style="123" customWidth="1"/>
    <col min="13322" max="13568" width="12.453125" style="123"/>
    <col min="13569" max="13571" width="2.36328125" style="123" customWidth="1"/>
    <col min="13572" max="13572" width="16.90625" style="123" customWidth="1"/>
    <col min="13573" max="13573" width="6.36328125" style="123" customWidth="1"/>
    <col min="13574" max="13574" width="22.54296875" style="123" customWidth="1"/>
    <col min="13575" max="13575" width="54.54296875" style="123" customWidth="1"/>
    <col min="13576" max="13576" width="8.36328125" style="123" customWidth="1"/>
    <col min="13577" max="13577" width="12.36328125" style="123" customWidth="1"/>
    <col min="13578" max="13824" width="12.453125" style="123"/>
    <col min="13825" max="13827" width="2.36328125" style="123" customWidth="1"/>
    <col min="13828" max="13828" width="16.90625" style="123" customWidth="1"/>
    <col min="13829" max="13829" width="6.36328125" style="123" customWidth="1"/>
    <col min="13830" max="13830" width="22.54296875" style="123" customWidth="1"/>
    <col min="13831" max="13831" width="54.54296875" style="123" customWidth="1"/>
    <col min="13832" max="13832" width="8.36328125" style="123" customWidth="1"/>
    <col min="13833" max="13833" width="12.36328125" style="123" customWidth="1"/>
    <col min="13834" max="14080" width="12.453125" style="123"/>
    <col min="14081" max="14083" width="2.36328125" style="123" customWidth="1"/>
    <col min="14084" max="14084" width="16.90625" style="123" customWidth="1"/>
    <col min="14085" max="14085" width="6.36328125" style="123" customWidth="1"/>
    <col min="14086" max="14086" width="22.54296875" style="123" customWidth="1"/>
    <col min="14087" max="14087" width="54.54296875" style="123" customWidth="1"/>
    <col min="14088" max="14088" width="8.36328125" style="123" customWidth="1"/>
    <col min="14089" max="14089" width="12.36328125" style="123" customWidth="1"/>
    <col min="14090" max="14336" width="12.453125" style="123"/>
    <col min="14337" max="14339" width="2.36328125" style="123" customWidth="1"/>
    <col min="14340" max="14340" width="16.90625" style="123" customWidth="1"/>
    <col min="14341" max="14341" width="6.36328125" style="123" customWidth="1"/>
    <col min="14342" max="14342" width="22.54296875" style="123" customWidth="1"/>
    <col min="14343" max="14343" width="54.54296875" style="123" customWidth="1"/>
    <col min="14344" max="14344" width="8.36328125" style="123" customWidth="1"/>
    <col min="14345" max="14345" width="12.36328125" style="123" customWidth="1"/>
    <col min="14346" max="14592" width="12.453125" style="123"/>
    <col min="14593" max="14595" width="2.36328125" style="123" customWidth="1"/>
    <col min="14596" max="14596" width="16.90625" style="123" customWidth="1"/>
    <col min="14597" max="14597" width="6.36328125" style="123" customWidth="1"/>
    <col min="14598" max="14598" width="22.54296875" style="123" customWidth="1"/>
    <col min="14599" max="14599" width="54.54296875" style="123" customWidth="1"/>
    <col min="14600" max="14600" width="8.36328125" style="123" customWidth="1"/>
    <col min="14601" max="14601" width="12.36328125" style="123" customWidth="1"/>
    <col min="14602" max="14848" width="12.453125" style="123"/>
    <col min="14849" max="14851" width="2.36328125" style="123" customWidth="1"/>
    <col min="14852" max="14852" width="16.90625" style="123" customWidth="1"/>
    <col min="14853" max="14853" width="6.36328125" style="123" customWidth="1"/>
    <col min="14854" max="14854" width="22.54296875" style="123" customWidth="1"/>
    <col min="14855" max="14855" width="54.54296875" style="123" customWidth="1"/>
    <col min="14856" max="14856" width="8.36328125" style="123" customWidth="1"/>
    <col min="14857" max="14857" width="12.36328125" style="123" customWidth="1"/>
    <col min="14858" max="15104" width="12.453125" style="123"/>
    <col min="15105" max="15107" width="2.36328125" style="123" customWidth="1"/>
    <col min="15108" max="15108" width="16.90625" style="123" customWidth="1"/>
    <col min="15109" max="15109" width="6.36328125" style="123" customWidth="1"/>
    <col min="15110" max="15110" width="22.54296875" style="123" customWidth="1"/>
    <col min="15111" max="15111" width="54.54296875" style="123" customWidth="1"/>
    <col min="15112" max="15112" width="8.36328125" style="123" customWidth="1"/>
    <col min="15113" max="15113" width="12.36328125" style="123" customWidth="1"/>
    <col min="15114" max="15360" width="12.453125" style="123"/>
    <col min="15361" max="15363" width="2.36328125" style="123" customWidth="1"/>
    <col min="15364" max="15364" width="16.90625" style="123" customWidth="1"/>
    <col min="15365" max="15365" width="6.36328125" style="123" customWidth="1"/>
    <col min="15366" max="15366" width="22.54296875" style="123" customWidth="1"/>
    <col min="15367" max="15367" width="54.54296875" style="123" customWidth="1"/>
    <col min="15368" max="15368" width="8.36328125" style="123" customWidth="1"/>
    <col min="15369" max="15369" width="12.36328125" style="123" customWidth="1"/>
    <col min="15370" max="15616" width="12.453125" style="123"/>
    <col min="15617" max="15619" width="2.36328125" style="123" customWidth="1"/>
    <col min="15620" max="15620" width="16.90625" style="123" customWidth="1"/>
    <col min="15621" max="15621" width="6.36328125" style="123" customWidth="1"/>
    <col min="15622" max="15622" width="22.54296875" style="123" customWidth="1"/>
    <col min="15623" max="15623" width="54.54296875" style="123" customWidth="1"/>
    <col min="15624" max="15624" width="8.36328125" style="123" customWidth="1"/>
    <col min="15625" max="15625" width="12.36328125" style="123" customWidth="1"/>
    <col min="15626" max="15872" width="12.453125" style="123"/>
    <col min="15873" max="15875" width="2.36328125" style="123" customWidth="1"/>
    <col min="15876" max="15876" width="16.90625" style="123" customWidth="1"/>
    <col min="15877" max="15877" width="6.36328125" style="123" customWidth="1"/>
    <col min="15878" max="15878" width="22.54296875" style="123" customWidth="1"/>
    <col min="15879" max="15879" width="54.54296875" style="123" customWidth="1"/>
    <col min="15880" max="15880" width="8.36328125" style="123" customWidth="1"/>
    <col min="15881" max="15881" width="12.36328125" style="123" customWidth="1"/>
    <col min="15882" max="16128" width="12.453125" style="123"/>
    <col min="16129" max="16131" width="2.36328125" style="123" customWidth="1"/>
    <col min="16132" max="16132" width="16.90625" style="123" customWidth="1"/>
    <col min="16133" max="16133" width="6.36328125" style="123" customWidth="1"/>
    <col min="16134" max="16134" width="22.54296875" style="123" customWidth="1"/>
    <col min="16135" max="16135" width="54.54296875" style="123" customWidth="1"/>
    <col min="16136" max="16136" width="8.36328125" style="123" customWidth="1"/>
    <col min="16137" max="16137" width="12.36328125" style="123" customWidth="1"/>
    <col min="16138" max="16384" width="12.453125" style="123"/>
  </cols>
  <sheetData>
    <row r="1" spans="1:16" ht="24.75" customHeight="1">
      <c r="A1" s="123" t="s">
        <v>120</v>
      </c>
    </row>
    <row r="2" spans="1:16" ht="16.5" customHeight="1"/>
    <row r="3" spans="1:16" ht="26.25" customHeight="1">
      <c r="A3" s="207" t="s">
        <v>159</v>
      </c>
      <c r="B3" s="207"/>
      <c r="C3" s="207"/>
      <c r="D3" s="207"/>
      <c r="E3" s="207"/>
      <c r="F3" s="207"/>
      <c r="G3" s="207"/>
      <c r="H3" s="207"/>
    </row>
    <row r="4" spans="1:16" ht="25.5" customHeight="1">
      <c r="A4" s="124"/>
      <c r="B4" s="125" t="s">
        <v>173</v>
      </c>
      <c r="C4" s="125"/>
      <c r="D4" s="125"/>
      <c r="E4" s="125" t="str">
        <f>'[1]交付申請書（様式１）'!F5</f>
        <v>社会福祉法人 かながわ</v>
      </c>
      <c r="F4" s="125"/>
      <c r="G4" s="125"/>
      <c r="H4" s="125" t="s">
        <v>174</v>
      </c>
    </row>
    <row r="5" spans="1:16" ht="35.25" customHeight="1">
      <c r="B5" s="208" t="s">
        <v>20</v>
      </c>
      <c r="C5" s="208"/>
      <c r="D5" s="208"/>
      <c r="E5" s="200" t="s">
        <v>285</v>
      </c>
      <c r="F5" s="201"/>
      <c r="G5" s="201"/>
      <c r="H5" s="202"/>
      <c r="J5" s="126"/>
      <c r="K5" s="126"/>
      <c r="L5" s="126"/>
      <c r="M5" s="126"/>
      <c r="N5" s="126"/>
      <c r="O5" s="126"/>
      <c r="P5" s="126"/>
    </row>
    <row r="6" spans="1:16" ht="27.75" customHeight="1">
      <c r="B6" s="209"/>
      <c r="C6" s="210"/>
      <c r="D6" s="211"/>
      <c r="E6" s="194"/>
      <c r="F6" s="195"/>
      <c r="G6" s="195"/>
      <c r="H6" s="196"/>
      <c r="J6" s="126"/>
      <c r="K6" s="126"/>
      <c r="L6" s="126"/>
      <c r="M6" s="126"/>
      <c r="N6" s="126"/>
      <c r="O6" s="126"/>
      <c r="P6" s="126"/>
    </row>
    <row r="7" spans="1:16" ht="27.75" customHeight="1">
      <c r="B7" s="212"/>
      <c r="C7" s="207"/>
      <c r="D7" s="213"/>
      <c r="E7" s="186" t="s">
        <v>160</v>
      </c>
      <c r="F7" s="187"/>
      <c r="G7" s="187"/>
      <c r="H7" s="188"/>
      <c r="J7" s="126"/>
      <c r="K7" s="126"/>
      <c r="L7" s="126"/>
      <c r="M7" s="126"/>
      <c r="N7" s="126"/>
      <c r="O7" s="126"/>
      <c r="P7" s="126"/>
    </row>
    <row r="8" spans="1:16" ht="25" customHeight="1">
      <c r="B8" s="212"/>
      <c r="C8" s="207"/>
      <c r="D8" s="213"/>
      <c r="E8" s="206" t="s">
        <v>248</v>
      </c>
      <c r="F8" s="206"/>
      <c r="G8" s="203" t="s">
        <v>295</v>
      </c>
      <c r="H8" s="203"/>
      <c r="J8" s="126"/>
      <c r="K8" s="126"/>
      <c r="L8" s="126"/>
      <c r="M8" s="126"/>
      <c r="N8" s="126"/>
      <c r="O8" s="126"/>
      <c r="P8" s="126"/>
    </row>
    <row r="9" spans="1:16" ht="25" customHeight="1">
      <c r="B9" s="212"/>
      <c r="C9" s="207"/>
      <c r="D9" s="213"/>
      <c r="E9" s="206" t="s">
        <v>246</v>
      </c>
      <c r="F9" s="206"/>
      <c r="G9" s="203" t="s">
        <v>204</v>
      </c>
      <c r="H9" s="203"/>
      <c r="J9" s="126"/>
      <c r="K9" s="126"/>
      <c r="L9" s="126"/>
      <c r="M9" s="126"/>
      <c r="N9" s="126"/>
      <c r="O9" s="126"/>
    </row>
    <row r="10" spans="1:16" ht="25" customHeight="1">
      <c r="B10" s="212"/>
      <c r="C10" s="207"/>
      <c r="D10" s="213"/>
      <c r="E10" s="206" t="s">
        <v>247</v>
      </c>
      <c r="F10" s="206"/>
      <c r="G10" s="203" t="s">
        <v>251</v>
      </c>
      <c r="H10" s="203"/>
      <c r="J10" s="126"/>
      <c r="K10" s="126"/>
      <c r="L10" s="126"/>
      <c r="M10" s="126"/>
      <c r="N10" s="126"/>
      <c r="O10" s="126"/>
      <c r="P10" s="126"/>
    </row>
    <row r="11" spans="1:16" ht="25" customHeight="1">
      <c r="B11" s="212"/>
      <c r="C11" s="207"/>
      <c r="D11" s="213"/>
      <c r="E11" s="206" t="s">
        <v>250</v>
      </c>
      <c r="F11" s="206"/>
      <c r="G11" s="214" t="s">
        <v>253</v>
      </c>
      <c r="H11" s="214"/>
      <c r="J11" s="126"/>
      <c r="K11" s="126"/>
      <c r="L11" s="126"/>
      <c r="M11" s="126"/>
      <c r="N11" s="126"/>
      <c r="O11" s="126"/>
      <c r="P11" s="126"/>
    </row>
    <row r="12" spans="1:16" ht="25" customHeight="1">
      <c r="B12" s="212"/>
      <c r="C12" s="207"/>
      <c r="D12" s="213"/>
      <c r="E12" s="206" t="s">
        <v>286</v>
      </c>
      <c r="F12" s="215"/>
      <c r="G12" s="214">
        <v>8</v>
      </c>
      <c r="H12" s="214"/>
      <c r="J12" s="126"/>
      <c r="K12" s="126"/>
      <c r="L12" s="126"/>
      <c r="M12" s="126"/>
      <c r="N12" s="126"/>
      <c r="O12" s="126"/>
      <c r="P12" s="126"/>
    </row>
    <row r="13" spans="1:16" ht="25" customHeight="1">
      <c r="B13" s="212"/>
      <c r="C13" s="207"/>
      <c r="D13" s="213"/>
      <c r="E13" s="204" t="s">
        <v>287</v>
      </c>
      <c r="F13" s="204"/>
      <c r="G13" s="205">
        <f>'【介護テクノロジー（介護ソフト）】所要額調書(様式２)'!F13</f>
        <v>2200000</v>
      </c>
      <c r="H13" s="205"/>
      <c r="J13" s="126"/>
      <c r="K13" s="126"/>
      <c r="L13" s="126"/>
      <c r="M13" s="126"/>
      <c r="N13" s="126"/>
      <c r="O13" s="126"/>
      <c r="P13" s="126"/>
    </row>
    <row r="14" spans="1:16" ht="25" customHeight="1">
      <c r="B14" s="212"/>
      <c r="C14" s="207"/>
      <c r="D14" s="213"/>
      <c r="E14" s="204" t="s">
        <v>288</v>
      </c>
      <c r="F14" s="204"/>
      <c r="G14" s="205">
        <f>'【介護テクノロジー（介護ソフト）】所要額調書(様式２)'!G13</f>
        <v>1913000</v>
      </c>
      <c r="H14" s="205"/>
      <c r="J14" s="126"/>
      <c r="K14" s="126"/>
      <c r="L14" s="126"/>
      <c r="M14" s="126"/>
      <c r="N14" s="126"/>
      <c r="O14" s="126"/>
      <c r="P14" s="126"/>
    </row>
    <row r="15" spans="1:16" ht="25" customHeight="1">
      <c r="B15" s="212"/>
      <c r="C15" s="207"/>
      <c r="D15" s="213"/>
      <c r="E15" s="206" t="s">
        <v>289</v>
      </c>
      <c r="F15" s="206"/>
      <c r="G15" s="205">
        <f>'【介護テクノロジー（介護ソフト）】所要額調書(様式２)'!L13</f>
        <v>1210000</v>
      </c>
      <c r="H15" s="205"/>
      <c r="J15" s="126"/>
      <c r="K15" s="126"/>
      <c r="L15" s="126"/>
      <c r="M15" s="126"/>
      <c r="N15" s="126"/>
      <c r="O15" s="126"/>
      <c r="P15" s="126"/>
    </row>
    <row r="16" spans="1:16" ht="27.75" customHeight="1">
      <c r="B16" s="212"/>
      <c r="C16" s="207"/>
      <c r="D16" s="213"/>
      <c r="E16" s="194" t="s">
        <v>290</v>
      </c>
      <c r="F16" s="195"/>
      <c r="G16" s="195"/>
      <c r="H16" s="196"/>
      <c r="J16" s="126"/>
      <c r="K16" s="126"/>
      <c r="L16" s="126"/>
      <c r="M16" s="126"/>
      <c r="N16" s="126"/>
      <c r="O16" s="126"/>
      <c r="P16" s="126"/>
    </row>
    <row r="17" spans="2:16" ht="27.75" customHeight="1">
      <c r="B17" s="212"/>
      <c r="C17" s="207"/>
      <c r="D17" s="213"/>
      <c r="E17" s="186" t="s">
        <v>161</v>
      </c>
      <c r="F17" s="187"/>
      <c r="G17" s="187"/>
      <c r="H17" s="188"/>
      <c r="J17" s="126"/>
      <c r="K17" s="126"/>
      <c r="L17" s="126"/>
      <c r="M17" s="126"/>
      <c r="N17" s="126"/>
      <c r="O17" s="126"/>
      <c r="P17" s="126"/>
    </row>
    <row r="18" spans="2:16" ht="20.399999999999999" customHeight="1">
      <c r="B18" s="212"/>
      <c r="C18" s="207"/>
      <c r="D18" s="213"/>
      <c r="E18" s="197" t="s">
        <v>162</v>
      </c>
      <c r="F18" s="198"/>
      <c r="G18" s="198"/>
      <c r="H18" s="199"/>
      <c r="J18" s="126"/>
      <c r="K18" s="126"/>
      <c r="L18" s="126"/>
      <c r="M18" s="126"/>
      <c r="N18" s="126"/>
      <c r="O18" s="126"/>
      <c r="P18" s="126"/>
    </row>
    <row r="19" spans="2:16" ht="20.399999999999999" customHeight="1">
      <c r="B19" s="212"/>
      <c r="C19" s="207"/>
      <c r="D19" s="213"/>
      <c r="E19" s="127" t="s">
        <v>163</v>
      </c>
      <c r="F19" s="127" t="s">
        <v>164</v>
      </c>
      <c r="G19" s="127" t="s">
        <v>165</v>
      </c>
      <c r="H19" s="127" t="s">
        <v>166</v>
      </c>
      <c r="J19" s="126"/>
      <c r="K19" s="126"/>
      <c r="L19" s="126"/>
      <c r="M19" s="126"/>
      <c r="N19" s="126"/>
      <c r="O19" s="126"/>
      <c r="P19" s="126"/>
    </row>
    <row r="20" spans="2:16" ht="20.399999999999999" customHeight="1">
      <c r="B20" s="212"/>
      <c r="C20" s="207"/>
      <c r="D20" s="213"/>
      <c r="E20" s="127">
        <v>1</v>
      </c>
      <c r="F20" s="86" t="s">
        <v>252</v>
      </c>
      <c r="G20" s="117" t="s">
        <v>296</v>
      </c>
      <c r="H20" s="87" t="s">
        <v>253</v>
      </c>
      <c r="J20" s="126"/>
      <c r="K20" s="126"/>
      <c r="L20" s="126"/>
      <c r="M20" s="126"/>
      <c r="N20" s="126"/>
      <c r="O20" s="126"/>
      <c r="P20" s="126"/>
    </row>
    <row r="21" spans="2:16" ht="20.399999999999999" customHeight="1">
      <c r="B21" s="212"/>
      <c r="C21" s="207"/>
      <c r="D21" s="213"/>
      <c r="E21" s="127">
        <v>2</v>
      </c>
      <c r="F21" s="86" t="s">
        <v>297</v>
      </c>
      <c r="G21" s="117" t="s">
        <v>298</v>
      </c>
      <c r="H21" s="87">
        <v>5</v>
      </c>
      <c r="J21" s="126"/>
      <c r="K21" s="126"/>
      <c r="L21" s="126"/>
      <c r="M21" s="126"/>
      <c r="N21" s="126"/>
      <c r="O21" s="126"/>
      <c r="P21" s="126"/>
    </row>
    <row r="22" spans="2:16" ht="20.399999999999999" customHeight="1">
      <c r="B22" s="212"/>
      <c r="C22" s="207"/>
      <c r="D22" s="213"/>
      <c r="E22" s="127">
        <v>3</v>
      </c>
      <c r="F22" s="72"/>
      <c r="G22" s="118"/>
      <c r="H22" s="73"/>
      <c r="J22" s="126"/>
      <c r="K22" s="126"/>
      <c r="L22" s="126"/>
      <c r="M22" s="126"/>
      <c r="N22" s="126"/>
      <c r="O22" s="126"/>
      <c r="P22" s="126"/>
    </row>
    <row r="23" spans="2:16" ht="22.75" customHeight="1">
      <c r="B23" s="212"/>
      <c r="C23" s="207"/>
      <c r="D23" s="213"/>
      <c r="E23" s="127">
        <v>4</v>
      </c>
      <c r="F23" s="74"/>
      <c r="G23" s="75"/>
      <c r="H23" s="73"/>
      <c r="J23" s="126"/>
      <c r="K23" s="126"/>
      <c r="L23" s="126"/>
      <c r="M23" s="126"/>
      <c r="N23" s="126"/>
      <c r="O23" s="126"/>
      <c r="P23" s="126"/>
    </row>
    <row r="24" spans="2:16" ht="21.65" customHeight="1">
      <c r="B24" s="212"/>
      <c r="C24" s="207"/>
      <c r="D24" s="213"/>
      <c r="E24" s="127">
        <v>5</v>
      </c>
      <c r="F24" s="74"/>
      <c r="G24" s="75"/>
      <c r="H24" s="73"/>
      <c r="J24" s="126"/>
      <c r="K24" s="126"/>
      <c r="L24" s="126"/>
      <c r="M24" s="126"/>
      <c r="N24" s="126"/>
      <c r="O24" s="126"/>
      <c r="P24" s="126"/>
    </row>
    <row r="25" spans="2:16" ht="19.25" customHeight="1">
      <c r="B25" s="212"/>
      <c r="C25" s="207"/>
      <c r="D25" s="207"/>
      <c r="E25" s="194" t="s">
        <v>167</v>
      </c>
      <c r="F25" s="195"/>
      <c r="G25" s="195"/>
      <c r="H25" s="196"/>
      <c r="J25" s="126"/>
      <c r="K25" s="126"/>
      <c r="L25" s="126"/>
      <c r="M25" s="126"/>
      <c r="N25" s="126"/>
      <c r="O25" s="126"/>
      <c r="P25" s="126"/>
    </row>
    <row r="26" spans="2:16" ht="18.649999999999999" customHeight="1">
      <c r="B26" s="212"/>
      <c r="C26" s="207"/>
      <c r="D26" s="207"/>
      <c r="E26" s="186" t="s">
        <v>168</v>
      </c>
      <c r="F26" s="187"/>
      <c r="G26" s="187"/>
      <c r="H26" s="188"/>
      <c r="J26" s="126"/>
      <c r="K26" s="126"/>
      <c r="L26" s="126"/>
      <c r="M26" s="126"/>
      <c r="N26" s="126"/>
      <c r="O26" s="126"/>
      <c r="P26" s="126"/>
    </row>
    <row r="27" spans="2:16" ht="21.65" customHeight="1">
      <c r="B27" s="212"/>
      <c r="C27" s="207"/>
      <c r="D27" s="207"/>
      <c r="E27" s="128"/>
      <c r="F27" s="129"/>
      <c r="G27" s="129"/>
      <c r="H27" s="130"/>
      <c r="J27" s="126"/>
      <c r="K27" s="126"/>
      <c r="L27" s="126"/>
      <c r="M27" s="126"/>
      <c r="N27" s="126"/>
      <c r="O27" s="126"/>
      <c r="P27" s="126"/>
    </row>
    <row r="28" spans="2:16" ht="21.65" customHeight="1">
      <c r="B28" s="212"/>
      <c r="C28" s="207"/>
      <c r="D28" s="213"/>
      <c r="E28" s="197" t="s">
        <v>169</v>
      </c>
      <c r="F28" s="198"/>
      <c r="G28" s="198"/>
      <c r="H28" s="199"/>
      <c r="J28" s="126"/>
      <c r="K28" s="126"/>
      <c r="L28" s="126"/>
      <c r="M28" s="126"/>
      <c r="N28" s="126"/>
      <c r="O28" s="126"/>
      <c r="P28" s="126"/>
    </row>
    <row r="29" spans="2:16" ht="21.65" customHeight="1">
      <c r="B29" s="212"/>
      <c r="C29" s="207"/>
      <c r="D29" s="213"/>
      <c r="E29" s="127" t="s">
        <v>163</v>
      </c>
      <c r="F29" s="200" t="s">
        <v>170</v>
      </c>
      <c r="G29" s="201"/>
      <c r="H29" s="202"/>
      <c r="J29" s="126"/>
      <c r="K29" s="126"/>
      <c r="L29" s="126"/>
      <c r="M29" s="126"/>
      <c r="N29" s="126"/>
      <c r="O29" s="126"/>
      <c r="P29" s="126"/>
    </row>
    <row r="30" spans="2:16" ht="31.75" customHeight="1">
      <c r="B30" s="212"/>
      <c r="C30" s="207"/>
      <c r="D30" s="213"/>
      <c r="E30" s="127">
        <v>1</v>
      </c>
      <c r="F30" s="203" t="s">
        <v>299</v>
      </c>
      <c r="G30" s="203"/>
      <c r="H30" s="203"/>
      <c r="J30" s="126"/>
      <c r="K30" s="126"/>
      <c r="L30" s="126"/>
      <c r="M30" s="126"/>
      <c r="N30" s="126"/>
      <c r="O30" s="126"/>
      <c r="P30" s="126"/>
    </row>
    <row r="31" spans="2:16" ht="24" customHeight="1">
      <c r="B31" s="212"/>
      <c r="C31" s="207"/>
      <c r="D31" s="213"/>
      <c r="E31" s="127">
        <v>2</v>
      </c>
      <c r="F31" s="203" t="s">
        <v>300</v>
      </c>
      <c r="G31" s="203"/>
      <c r="H31" s="203"/>
      <c r="J31" s="126"/>
      <c r="K31" s="126"/>
      <c r="L31" s="126"/>
      <c r="M31" s="126"/>
      <c r="N31" s="126"/>
      <c r="O31" s="126"/>
      <c r="P31" s="126"/>
    </row>
    <row r="32" spans="2:16" ht="24" customHeight="1">
      <c r="B32" s="212"/>
      <c r="C32" s="207"/>
      <c r="D32" s="213"/>
      <c r="E32" s="127">
        <v>3</v>
      </c>
      <c r="F32" s="193"/>
      <c r="G32" s="193"/>
      <c r="H32" s="193"/>
      <c r="J32" s="126"/>
      <c r="K32" s="126"/>
      <c r="L32" s="126"/>
      <c r="M32" s="126"/>
      <c r="N32" s="126"/>
      <c r="O32" s="126"/>
      <c r="P32" s="126"/>
    </row>
    <row r="33" spans="2:16" ht="24" customHeight="1">
      <c r="B33" s="212"/>
      <c r="C33" s="207"/>
      <c r="D33" s="213"/>
      <c r="E33" s="127">
        <v>4</v>
      </c>
      <c r="F33" s="193"/>
      <c r="G33" s="193"/>
      <c r="H33" s="193"/>
      <c r="J33" s="126"/>
      <c r="K33" s="126"/>
      <c r="L33" s="126"/>
      <c r="M33" s="126"/>
      <c r="N33" s="126"/>
      <c r="O33" s="126"/>
      <c r="P33" s="126"/>
    </row>
    <row r="34" spans="2:16" ht="24" customHeight="1">
      <c r="B34" s="212"/>
      <c r="C34" s="207"/>
      <c r="D34" s="213"/>
      <c r="E34" s="127">
        <v>5</v>
      </c>
      <c r="F34" s="193"/>
      <c r="G34" s="193"/>
      <c r="H34" s="193"/>
      <c r="J34" s="126"/>
      <c r="K34" s="126"/>
      <c r="L34" s="126"/>
      <c r="M34" s="126"/>
      <c r="N34" s="126"/>
      <c r="O34" s="126"/>
      <c r="P34" s="126"/>
    </row>
    <row r="35" spans="2:16" ht="24" customHeight="1">
      <c r="B35" s="212"/>
      <c r="C35" s="207"/>
      <c r="D35" s="213"/>
      <c r="E35" s="131" t="s">
        <v>175</v>
      </c>
      <c r="F35" s="129"/>
      <c r="G35" s="129"/>
      <c r="H35" s="130"/>
      <c r="J35" s="126"/>
      <c r="K35" s="126"/>
      <c r="L35" s="126"/>
      <c r="M35" s="126"/>
      <c r="N35" s="126"/>
      <c r="O35" s="126"/>
      <c r="P35" s="126"/>
    </row>
    <row r="36" spans="2:16" ht="24" customHeight="1">
      <c r="B36" s="212"/>
      <c r="C36" s="207"/>
      <c r="D36" s="213"/>
      <c r="E36" s="132"/>
      <c r="F36" s="133"/>
      <c r="G36" s="133"/>
      <c r="H36" s="134"/>
      <c r="J36" s="126"/>
      <c r="K36" s="126"/>
      <c r="L36" s="126"/>
      <c r="M36" s="126"/>
      <c r="N36" s="126"/>
      <c r="O36" s="126"/>
      <c r="P36" s="126"/>
    </row>
    <row r="37" spans="2:16" ht="24" customHeight="1">
      <c r="B37" s="212"/>
      <c r="C37" s="207"/>
      <c r="D37" s="213"/>
      <c r="E37" s="186"/>
      <c r="F37" s="187"/>
      <c r="G37" s="187"/>
      <c r="H37" s="188"/>
      <c r="J37" s="126"/>
      <c r="K37" s="126"/>
      <c r="L37" s="126"/>
      <c r="M37" s="126"/>
      <c r="N37" s="126"/>
      <c r="O37" s="126"/>
      <c r="P37" s="126"/>
    </row>
    <row r="38" spans="2:16" ht="24" customHeight="1">
      <c r="B38" s="212"/>
      <c r="C38" s="207"/>
      <c r="D38" s="213"/>
      <c r="E38" s="186"/>
      <c r="F38" s="187"/>
      <c r="G38" s="187"/>
      <c r="H38" s="188"/>
      <c r="J38" s="126"/>
      <c r="K38" s="126"/>
      <c r="L38" s="126"/>
      <c r="M38" s="126"/>
      <c r="N38" s="126"/>
      <c r="O38" s="126"/>
      <c r="P38" s="126"/>
    </row>
    <row r="39" spans="2:16" ht="24" customHeight="1">
      <c r="B39" s="212"/>
      <c r="C39" s="207"/>
      <c r="D39" s="213"/>
      <c r="E39" s="132"/>
      <c r="F39" s="133"/>
      <c r="G39" s="133"/>
      <c r="H39" s="134"/>
      <c r="J39" s="126"/>
      <c r="K39" s="126"/>
      <c r="L39" s="126"/>
      <c r="M39" s="126"/>
      <c r="N39" s="126"/>
      <c r="O39" s="126"/>
      <c r="P39" s="126"/>
    </row>
    <row r="40" spans="2:16" ht="24" customHeight="1">
      <c r="B40" s="212"/>
      <c r="C40" s="207"/>
      <c r="D40" s="213"/>
      <c r="E40" s="132"/>
      <c r="F40" s="133"/>
      <c r="G40" s="133"/>
      <c r="H40" s="134"/>
      <c r="J40" s="126"/>
      <c r="K40" s="126"/>
      <c r="L40" s="126"/>
      <c r="M40" s="126"/>
      <c r="N40" s="126"/>
      <c r="O40" s="126"/>
      <c r="P40" s="126"/>
    </row>
    <row r="41" spans="2:16" ht="24" customHeight="1">
      <c r="B41" s="212"/>
      <c r="C41" s="207"/>
      <c r="D41" s="213"/>
      <c r="E41" s="135"/>
      <c r="F41" s="136"/>
      <c r="G41" s="136"/>
      <c r="H41" s="137"/>
      <c r="I41" s="126"/>
      <c r="J41" s="126"/>
      <c r="K41" s="126"/>
      <c r="L41" s="126"/>
      <c r="M41" s="126"/>
      <c r="N41" s="126"/>
      <c r="O41" s="126"/>
      <c r="P41" s="126"/>
    </row>
    <row r="42" spans="2:16" ht="24" customHeight="1">
      <c r="B42" s="212"/>
      <c r="C42" s="207"/>
      <c r="D42" s="213"/>
      <c r="E42" s="132"/>
      <c r="F42" s="133"/>
      <c r="G42" s="133"/>
      <c r="H42" s="134"/>
      <c r="J42" s="126"/>
      <c r="K42" s="126"/>
      <c r="L42" s="126"/>
      <c r="M42" s="126"/>
      <c r="N42" s="126"/>
      <c r="O42" s="126"/>
      <c r="P42" s="126"/>
    </row>
    <row r="43" spans="2:16" ht="30" customHeight="1">
      <c r="B43" s="189" t="s">
        <v>171</v>
      </c>
      <c r="C43" s="189"/>
      <c r="D43" s="189"/>
      <c r="E43" s="190" t="s">
        <v>294</v>
      </c>
      <c r="F43" s="191"/>
      <c r="G43" s="191"/>
      <c r="H43" s="192"/>
    </row>
    <row r="44" spans="2:16" ht="30" customHeight="1">
      <c r="B44" s="189" t="s">
        <v>172</v>
      </c>
      <c r="C44" s="189"/>
      <c r="D44" s="189"/>
      <c r="E44" s="190">
        <v>46418</v>
      </c>
      <c r="F44" s="191"/>
      <c r="G44" s="191"/>
      <c r="H44" s="192"/>
    </row>
    <row r="45" spans="2:16" ht="44.25" customHeight="1">
      <c r="C45" s="138"/>
      <c r="D45" s="139"/>
      <c r="E45" s="139"/>
      <c r="F45" s="139"/>
      <c r="G45" s="139"/>
      <c r="H45" s="139"/>
    </row>
    <row r="46" spans="2:16" ht="21" customHeight="1">
      <c r="D46" s="140"/>
      <c r="E46" s="140"/>
      <c r="F46" s="140"/>
      <c r="G46" s="140"/>
      <c r="H46" s="140"/>
    </row>
    <row r="48" spans="2:16" ht="21" customHeight="1">
      <c r="D48" s="126"/>
      <c r="E48" s="126"/>
      <c r="F48" s="126"/>
      <c r="G48" s="126"/>
      <c r="H48" s="126"/>
    </row>
    <row r="49" spans="4:8" ht="21" customHeight="1">
      <c r="D49" s="126"/>
      <c r="E49" s="126"/>
      <c r="F49" s="126"/>
      <c r="G49" s="126"/>
      <c r="H49" s="126"/>
    </row>
    <row r="50" spans="4:8" ht="21" customHeight="1">
      <c r="D50" s="126"/>
      <c r="E50" s="126"/>
      <c r="F50" s="126"/>
      <c r="G50" s="126"/>
      <c r="H50" s="126"/>
    </row>
    <row r="51" spans="4:8" ht="21" customHeight="1">
      <c r="D51" s="126"/>
      <c r="E51" s="126"/>
      <c r="F51" s="126"/>
      <c r="G51" s="126"/>
      <c r="H51" s="126"/>
    </row>
    <row r="52" spans="4:8" ht="21" customHeight="1">
      <c r="D52" s="126"/>
      <c r="E52" s="126"/>
      <c r="F52" s="126"/>
      <c r="G52" s="126"/>
      <c r="H52" s="126"/>
    </row>
    <row r="53" spans="4:8" ht="21" customHeight="1">
      <c r="D53" s="126"/>
      <c r="E53" s="126"/>
      <c r="F53" s="126"/>
      <c r="G53" s="126"/>
      <c r="H53" s="126"/>
    </row>
    <row r="54" spans="4:8" ht="21" customHeight="1">
      <c r="D54" s="126"/>
      <c r="E54" s="126"/>
      <c r="F54" s="126"/>
      <c r="G54" s="126"/>
      <c r="H54" s="126"/>
    </row>
    <row r="55" spans="4:8" ht="21" customHeight="1">
      <c r="D55" s="126"/>
      <c r="E55" s="126"/>
      <c r="F55" s="126"/>
      <c r="G55" s="126"/>
      <c r="H55" s="126"/>
    </row>
    <row r="56" spans="4:8" ht="21" customHeight="1">
      <c r="D56" s="126"/>
      <c r="E56" s="126"/>
      <c r="F56" s="126"/>
      <c r="G56" s="126"/>
      <c r="H56" s="126"/>
    </row>
    <row r="57" spans="4:8" ht="21" customHeight="1">
      <c r="D57" s="126"/>
      <c r="E57" s="126"/>
      <c r="F57" s="126"/>
      <c r="G57" s="126"/>
      <c r="H57" s="126"/>
    </row>
    <row r="58" spans="4:8" ht="21" customHeight="1">
      <c r="D58" s="126"/>
      <c r="E58" s="126"/>
      <c r="F58" s="126"/>
      <c r="G58" s="126"/>
      <c r="H58" s="126"/>
    </row>
    <row r="59" spans="4:8" ht="21" customHeight="1">
      <c r="D59" s="126"/>
      <c r="E59" s="126"/>
      <c r="F59" s="126"/>
      <c r="G59" s="126"/>
      <c r="H59" s="126"/>
    </row>
    <row r="60" spans="4:8" ht="21" customHeight="1">
      <c r="D60" s="126"/>
      <c r="E60" s="126"/>
      <c r="F60" s="126"/>
      <c r="G60" s="126"/>
      <c r="H60" s="126"/>
    </row>
    <row r="61" spans="4:8" ht="21" customHeight="1">
      <c r="D61" s="126"/>
      <c r="E61" s="126"/>
      <c r="F61" s="126"/>
      <c r="G61" s="126"/>
      <c r="H61" s="126"/>
    </row>
    <row r="62" spans="4:8" ht="21" customHeight="1">
      <c r="D62" s="126"/>
      <c r="E62" s="126"/>
      <c r="F62" s="126"/>
      <c r="G62" s="126"/>
      <c r="H62" s="126"/>
    </row>
    <row r="63" spans="4:8" ht="21" customHeight="1">
      <c r="D63" s="126"/>
      <c r="E63" s="126"/>
      <c r="F63" s="126"/>
      <c r="G63" s="126"/>
      <c r="H63" s="126"/>
    </row>
    <row r="64" spans="4:8" ht="21" customHeight="1">
      <c r="D64" s="126"/>
      <c r="E64" s="126"/>
      <c r="F64" s="126"/>
      <c r="G64" s="126"/>
      <c r="H64" s="126"/>
    </row>
    <row r="65" spans="4:8" ht="21" customHeight="1">
      <c r="D65" s="126"/>
      <c r="E65" s="126"/>
      <c r="F65" s="126"/>
      <c r="G65" s="126"/>
      <c r="H65" s="126"/>
    </row>
    <row r="66" spans="4:8" ht="21" customHeight="1">
      <c r="D66" s="126"/>
      <c r="E66" s="126"/>
      <c r="F66" s="126"/>
      <c r="G66" s="126"/>
      <c r="H66" s="126"/>
    </row>
    <row r="67" spans="4:8" ht="21" customHeight="1">
      <c r="D67" s="126"/>
      <c r="E67" s="126"/>
      <c r="F67" s="126"/>
      <c r="G67" s="126"/>
      <c r="H67" s="126"/>
    </row>
    <row r="68" spans="4:8" ht="21" customHeight="1">
      <c r="D68" s="126"/>
      <c r="E68" s="126"/>
      <c r="F68" s="126"/>
      <c r="G68" s="126"/>
      <c r="H68" s="126"/>
    </row>
    <row r="69" spans="4:8" ht="21" customHeight="1">
      <c r="D69" s="126"/>
      <c r="E69" s="126"/>
      <c r="F69" s="126"/>
      <c r="G69" s="126"/>
      <c r="H69" s="126"/>
    </row>
    <row r="70" spans="4:8" ht="21" customHeight="1">
      <c r="D70" s="126"/>
      <c r="E70" s="126"/>
      <c r="F70" s="126"/>
      <c r="G70" s="126"/>
      <c r="H70" s="126"/>
    </row>
    <row r="71" spans="4:8" ht="21" customHeight="1">
      <c r="D71" s="126"/>
      <c r="E71" s="126"/>
      <c r="F71" s="126"/>
      <c r="G71" s="126"/>
      <c r="H71" s="126"/>
    </row>
    <row r="72" spans="4:8" ht="21" customHeight="1">
      <c r="D72" s="126"/>
      <c r="E72" s="126"/>
      <c r="F72" s="126"/>
      <c r="G72" s="126"/>
      <c r="H72" s="126"/>
    </row>
  </sheetData>
  <mergeCells count="40">
    <mergeCell ref="A3:H3"/>
    <mergeCell ref="B5:D5"/>
    <mergeCell ref="E5:H5"/>
    <mergeCell ref="B6:D42"/>
    <mergeCell ref="E6:H6"/>
    <mergeCell ref="E7:H7"/>
    <mergeCell ref="E8:F8"/>
    <mergeCell ref="G8:H8"/>
    <mergeCell ref="E9:F9"/>
    <mergeCell ref="G9:H9"/>
    <mergeCell ref="E10:F10"/>
    <mergeCell ref="G10:H10"/>
    <mergeCell ref="E11:F11"/>
    <mergeCell ref="G11:H11"/>
    <mergeCell ref="E12:F12"/>
    <mergeCell ref="G12:H12"/>
    <mergeCell ref="E13:F13"/>
    <mergeCell ref="G13:H13"/>
    <mergeCell ref="E14:F14"/>
    <mergeCell ref="G14:H14"/>
    <mergeCell ref="E15:F15"/>
    <mergeCell ref="G15:H15"/>
    <mergeCell ref="F34:H34"/>
    <mergeCell ref="E16:H16"/>
    <mergeCell ref="E17:H17"/>
    <mergeCell ref="E18:H18"/>
    <mergeCell ref="E25:H25"/>
    <mergeCell ref="E26:H26"/>
    <mergeCell ref="E28:H28"/>
    <mergeCell ref="F29:H29"/>
    <mergeCell ref="F30:H30"/>
    <mergeCell ref="F31:H31"/>
    <mergeCell ref="F32:H32"/>
    <mergeCell ref="F33:H33"/>
    <mergeCell ref="E37:H37"/>
    <mergeCell ref="E38:H38"/>
    <mergeCell ref="B43:D43"/>
    <mergeCell ref="E43:H43"/>
    <mergeCell ref="B44:D44"/>
    <mergeCell ref="E44:H44"/>
  </mergeCells>
  <phoneticPr fontId="4"/>
  <dataValidations count="3">
    <dataValidation type="list" allowBlank="1" showInputMessage="1" showErrorMessage="1" sqref="F20:F24" xr:uid="{24701F26-92AB-4B05-9545-FBD6D7F1C0B6}">
      <formula1>"介護業務支援,情報端末,Wi-Fi設備"</formula1>
    </dataValidation>
    <dataValidation imeMode="halfAlpha" allowBlank="1" showInputMessage="1" showErrorMessage="1" sqref="G11:H15 H20:H24" xr:uid="{0059057C-08B7-42C6-99BA-B4975EDA811C}"/>
    <dataValidation type="list" allowBlank="1" showInputMessage="1" showErrorMessage="1" sqref="WVN983061:WVN983065 JB20:JB24 SX20:SX24 ACT20:ACT24 AMP20:AMP24 AWL20:AWL24 BGH20:BGH24 BQD20:BQD24 BZZ20:BZZ24 CJV20:CJV24 CTR20:CTR24 DDN20:DDN24 DNJ20:DNJ24 DXF20:DXF24 EHB20:EHB24 EQX20:EQX24 FAT20:FAT24 FKP20:FKP24 FUL20:FUL24 GEH20:GEH24 GOD20:GOD24 GXZ20:GXZ24 HHV20:HHV24 HRR20:HRR24 IBN20:IBN24 ILJ20:ILJ24 IVF20:IVF24 JFB20:JFB24 JOX20:JOX24 JYT20:JYT24 KIP20:KIP24 KSL20:KSL24 LCH20:LCH24 LMD20:LMD24 LVZ20:LVZ24 MFV20:MFV24 MPR20:MPR24 MZN20:MZN24 NJJ20:NJJ24 NTF20:NTF24 ODB20:ODB24 OMX20:OMX24 OWT20:OWT24 PGP20:PGP24 PQL20:PQL24 QAH20:QAH24 QKD20:QKD24 QTZ20:QTZ24 RDV20:RDV24 RNR20:RNR24 RXN20:RXN24 SHJ20:SHJ24 SRF20:SRF24 TBB20:TBB24 TKX20:TKX24 TUT20:TUT24 UEP20:UEP24 UOL20:UOL24 UYH20:UYH24 VID20:VID24 VRZ20:VRZ24 WBV20:WBV24 WLR20:WLR24 WVN20:WVN24 F65557:F65561 JB65557:JB65561 SX65557:SX65561 ACT65557:ACT65561 AMP65557:AMP65561 AWL65557:AWL65561 BGH65557:BGH65561 BQD65557:BQD65561 BZZ65557:BZZ65561 CJV65557:CJV65561 CTR65557:CTR65561 DDN65557:DDN65561 DNJ65557:DNJ65561 DXF65557:DXF65561 EHB65557:EHB65561 EQX65557:EQX65561 FAT65557:FAT65561 FKP65557:FKP65561 FUL65557:FUL65561 GEH65557:GEH65561 GOD65557:GOD65561 GXZ65557:GXZ65561 HHV65557:HHV65561 HRR65557:HRR65561 IBN65557:IBN65561 ILJ65557:ILJ65561 IVF65557:IVF65561 JFB65557:JFB65561 JOX65557:JOX65561 JYT65557:JYT65561 KIP65557:KIP65561 KSL65557:KSL65561 LCH65557:LCH65561 LMD65557:LMD65561 LVZ65557:LVZ65561 MFV65557:MFV65561 MPR65557:MPR65561 MZN65557:MZN65561 NJJ65557:NJJ65561 NTF65557:NTF65561 ODB65557:ODB65561 OMX65557:OMX65561 OWT65557:OWT65561 PGP65557:PGP65561 PQL65557:PQL65561 QAH65557:QAH65561 QKD65557:QKD65561 QTZ65557:QTZ65561 RDV65557:RDV65561 RNR65557:RNR65561 RXN65557:RXN65561 SHJ65557:SHJ65561 SRF65557:SRF65561 TBB65557:TBB65561 TKX65557:TKX65561 TUT65557:TUT65561 UEP65557:UEP65561 UOL65557:UOL65561 UYH65557:UYH65561 VID65557:VID65561 VRZ65557:VRZ65561 WBV65557:WBV65561 WLR65557:WLR65561 WVN65557:WVN65561 F131093:F131097 JB131093:JB131097 SX131093:SX131097 ACT131093:ACT131097 AMP131093:AMP131097 AWL131093:AWL131097 BGH131093:BGH131097 BQD131093:BQD131097 BZZ131093:BZZ131097 CJV131093:CJV131097 CTR131093:CTR131097 DDN131093:DDN131097 DNJ131093:DNJ131097 DXF131093:DXF131097 EHB131093:EHB131097 EQX131093:EQX131097 FAT131093:FAT131097 FKP131093:FKP131097 FUL131093:FUL131097 GEH131093:GEH131097 GOD131093:GOD131097 GXZ131093:GXZ131097 HHV131093:HHV131097 HRR131093:HRR131097 IBN131093:IBN131097 ILJ131093:ILJ131097 IVF131093:IVF131097 JFB131093:JFB131097 JOX131093:JOX131097 JYT131093:JYT131097 KIP131093:KIP131097 KSL131093:KSL131097 LCH131093:LCH131097 LMD131093:LMD131097 LVZ131093:LVZ131097 MFV131093:MFV131097 MPR131093:MPR131097 MZN131093:MZN131097 NJJ131093:NJJ131097 NTF131093:NTF131097 ODB131093:ODB131097 OMX131093:OMX131097 OWT131093:OWT131097 PGP131093:PGP131097 PQL131093:PQL131097 QAH131093:QAH131097 QKD131093:QKD131097 QTZ131093:QTZ131097 RDV131093:RDV131097 RNR131093:RNR131097 RXN131093:RXN131097 SHJ131093:SHJ131097 SRF131093:SRF131097 TBB131093:TBB131097 TKX131093:TKX131097 TUT131093:TUT131097 UEP131093:UEP131097 UOL131093:UOL131097 UYH131093:UYH131097 VID131093:VID131097 VRZ131093:VRZ131097 WBV131093:WBV131097 WLR131093:WLR131097 WVN131093:WVN131097 F196629:F196633 JB196629:JB196633 SX196629:SX196633 ACT196629:ACT196633 AMP196629:AMP196633 AWL196629:AWL196633 BGH196629:BGH196633 BQD196629:BQD196633 BZZ196629:BZZ196633 CJV196629:CJV196633 CTR196629:CTR196633 DDN196629:DDN196633 DNJ196629:DNJ196633 DXF196629:DXF196633 EHB196629:EHB196633 EQX196629:EQX196633 FAT196629:FAT196633 FKP196629:FKP196633 FUL196629:FUL196633 GEH196629:GEH196633 GOD196629:GOD196633 GXZ196629:GXZ196633 HHV196629:HHV196633 HRR196629:HRR196633 IBN196629:IBN196633 ILJ196629:ILJ196633 IVF196629:IVF196633 JFB196629:JFB196633 JOX196629:JOX196633 JYT196629:JYT196633 KIP196629:KIP196633 KSL196629:KSL196633 LCH196629:LCH196633 LMD196629:LMD196633 LVZ196629:LVZ196633 MFV196629:MFV196633 MPR196629:MPR196633 MZN196629:MZN196633 NJJ196629:NJJ196633 NTF196629:NTF196633 ODB196629:ODB196633 OMX196629:OMX196633 OWT196629:OWT196633 PGP196629:PGP196633 PQL196629:PQL196633 QAH196629:QAH196633 QKD196629:QKD196633 QTZ196629:QTZ196633 RDV196629:RDV196633 RNR196629:RNR196633 RXN196629:RXN196633 SHJ196629:SHJ196633 SRF196629:SRF196633 TBB196629:TBB196633 TKX196629:TKX196633 TUT196629:TUT196633 UEP196629:UEP196633 UOL196629:UOL196633 UYH196629:UYH196633 VID196629:VID196633 VRZ196629:VRZ196633 WBV196629:WBV196633 WLR196629:WLR196633 WVN196629:WVN196633 F262165:F262169 JB262165:JB262169 SX262165:SX262169 ACT262165:ACT262169 AMP262165:AMP262169 AWL262165:AWL262169 BGH262165:BGH262169 BQD262165:BQD262169 BZZ262165:BZZ262169 CJV262165:CJV262169 CTR262165:CTR262169 DDN262165:DDN262169 DNJ262165:DNJ262169 DXF262165:DXF262169 EHB262165:EHB262169 EQX262165:EQX262169 FAT262165:FAT262169 FKP262165:FKP262169 FUL262165:FUL262169 GEH262165:GEH262169 GOD262165:GOD262169 GXZ262165:GXZ262169 HHV262165:HHV262169 HRR262165:HRR262169 IBN262165:IBN262169 ILJ262165:ILJ262169 IVF262165:IVF262169 JFB262165:JFB262169 JOX262165:JOX262169 JYT262165:JYT262169 KIP262165:KIP262169 KSL262165:KSL262169 LCH262165:LCH262169 LMD262165:LMD262169 LVZ262165:LVZ262169 MFV262165:MFV262169 MPR262165:MPR262169 MZN262165:MZN262169 NJJ262165:NJJ262169 NTF262165:NTF262169 ODB262165:ODB262169 OMX262165:OMX262169 OWT262165:OWT262169 PGP262165:PGP262169 PQL262165:PQL262169 QAH262165:QAH262169 QKD262165:QKD262169 QTZ262165:QTZ262169 RDV262165:RDV262169 RNR262165:RNR262169 RXN262165:RXN262169 SHJ262165:SHJ262169 SRF262165:SRF262169 TBB262165:TBB262169 TKX262165:TKX262169 TUT262165:TUT262169 UEP262165:UEP262169 UOL262165:UOL262169 UYH262165:UYH262169 VID262165:VID262169 VRZ262165:VRZ262169 WBV262165:WBV262169 WLR262165:WLR262169 WVN262165:WVN262169 F327701:F327705 JB327701:JB327705 SX327701:SX327705 ACT327701:ACT327705 AMP327701:AMP327705 AWL327701:AWL327705 BGH327701:BGH327705 BQD327701:BQD327705 BZZ327701:BZZ327705 CJV327701:CJV327705 CTR327701:CTR327705 DDN327701:DDN327705 DNJ327701:DNJ327705 DXF327701:DXF327705 EHB327701:EHB327705 EQX327701:EQX327705 FAT327701:FAT327705 FKP327701:FKP327705 FUL327701:FUL327705 GEH327701:GEH327705 GOD327701:GOD327705 GXZ327701:GXZ327705 HHV327701:HHV327705 HRR327701:HRR327705 IBN327701:IBN327705 ILJ327701:ILJ327705 IVF327701:IVF327705 JFB327701:JFB327705 JOX327701:JOX327705 JYT327701:JYT327705 KIP327701:KIP327705 KSL327701:KSL327705 LCH327701:LCH327705 LMD327701:LMD327705 LVZ327701:LVZ327705 MFV327701:MFV327705 MPR327701:MPR327705 MZN327701:MZN327705 NJJ327701:NJJ327705 NTF327701:NTF327705 ODB327701:ODB327705 OMX327701:OMX327705 OWT327701:OWT327705 PGP327701:PGP327705 PQL327701:PQL327705 QAH327701:QAH327705 QKD327701:QKD327705 QTZ327701:QTZ327705 RDV327701:RDV327705 RNR327701:RNR327705 RXN327701:RXN327705 SHJ327701:SHJ327705 SRF327701:SRF327705 TBB327701:TBB327705 TKX327701:TKX327705 TUT327701:TUT327705 UEP327701:UEP327705 UOL327701:UOL327705 UYH327701:UYH327705 VID327701:VID327705 VRZ327701:VRZ327705 WBV327701:WBV327705 WLR327701:WLR327705 WVN327701:WVN327705 F393237:F393241 JB393237:JB393241 SX393237:SX393241 ACT393237:ACT393241 AMP393237:AMP393241 AWL393237:AWL393241 BGH393237:BGH393241 BQD393237:BQD393241 BZZ393237:BZZ393241 CJV393237:CJV393241 CTR393237:CTR393241 DDN393237:DDN393241 DNJ393237:DNJ393241 DXF393237:DXF393241 EHB393237:EHB393241 EQX393237:EQX393241 FAT393237:FAT393241 FKP393237:FKP393241 FUL393237:FUL393241 GEH393237:GEH393241 GOD393237:GOD393241 GXZ393237:GXZ393241 HHV393237:HHV393241 HRR393237:HRR393241 IBN393237:IBN393241 ILJ393237:ILJ393241 IVF393237:IVF393241 JFB393237:JFB393241 JOX393237:JOX393241 JYT393237:JYT393241 KIP393237:KIP393241 KSL393237:KSL393241 LCH393237:LCH393241 LMD393237:LMD393241 LVZ393237:LVZ393241 MFV393237:MFV393241 MPR393237:MPR393241 MZN393237:MZN393241 NJJ393237:NJJ393241 NTF393237:NTF393241 ODB393237:ODB393241 OMX393237:OMX393241 OWT393237:OWT393241 PGP393237:PGP393241 PQL393237:PQL393241 QAH393237:QAH393241 QKD393237:QKD393241 QTZ393237:QTZ393241 RDV393237:RDV393241 RNR393237:RNR393241 RXN393237:RXN393241 SHJ393237:SHJ393241 SRF393237:SRF393241 TBB393237:TBB393241 TKX393237:TKX393241 TUT393237:TUT393241 UEP393237:UEP393241 UOL393237:UOL393241 UYH393237:UYH393241 VID393237:VID393241 VRZ393237:VRZ393241 WBV393237:WBV393241 WLR393237:WLR393241 WVN393237:WVN393241 F458773:F458777 JB458773:JB458777 SX458773:SX458777 ACT458773:ACT458777 AMP458773:AMP458777 AWL458773:AWL458777 BGH458773:BGH458777 BQD458773:BQD458777 BZZ458773:BZZ458777 CJV458773:CJV458777 CTR458773:CTR458777 DDN458773:DDN458777 DNJ458773:DNJ458777 DXF458773:DXF458777 EHB458773:EHB458777 EQX458773:EQX458777 FAT458773:FAT458777 FKP458773:FKP458777 FUL458773:FUL458777 GEH458773:GEH458777 GOD458773:GOD458777 GXZ458773:GXZ458777 HHV458773:HHV458777 HRR458773:HRR458777 IBN458773:IBN458777 ILJ458773:ILJ458777 IVF458773:IVF458777 JFB458773:JFB458777 JOX458773:JOX458777 JYT458773:JYT458777 KIP458773:KIP458777 KSL458773:KSL458777 LCH458773:LCH458777 LMD458773:LMD458777 LVZ458773:LVZ458777 MFV458773:MFV458777 MPR458773:MPR458777 MZN458773:MZN458777 NJJ458773:NJJ458777 NTF458773:NTF458777 ODB458773:ODB458777 OMX458773:OMX458777 OWT458773:OWT458777 PGP458773:PGP458777 PQL458773:PQL458777 QAH458773:QAH458777 QKD458773:QKD458777 QTZ458773:QTZ458777 RDV458773:RDV458777 RNR458773:RNR458777 RXN458773:RXN458777 SHJ458773:SHJ458777 SRF458773:SRF458777 TBB458773:TBB458777 TKX458773:TKX458777 TUT458773:TUT458777 UEP458773:UEP458777 UOL458773:UOL458777 UYH458773:UYH458777 VID458773:VID458777 VRZ458773:VRZ458777 WBV458773:WBV458777 WLR458773:WLR458777 WVN458773:WVN458777 F524309:F524313 JB524309:JB524313 SX524309:SX524313 ACT524309:ACT524313 AMP524309:AMP524313 AWL524309:AWL524313 BGH524309:BGH524313 BQD524309:BQD524313 BZZ524309:BZZ524313 CJV524309:CJV524313 CTR524309:CTR524313 DDN524309:DDN524313 DNJ524309:DNJ524313 DXF524309:DXF524313 EHB524309:EHB524313 EQX524309:EQX524313 FAT524309:FAT524313 FKP524309:FKP524313 FUL524309:FUL524313 GEH524309:GEH524313 GOD524309:GOD524313 GXZ524309:GXZ524313 HHV524309:HHV524313 HRR524309:HRR524313 IBN524309:IBN524313 ILJ524309:ILJ524313 IVF524309:IVF524313 JFB524309:JFB524313 JOX524309:JOX524313 JYT524309:JYT524313 KIP524309:KIP524313 KSL524309:KSL524313 LCH524309:LCH524313 LMD524309:LMD524313 LVZ524309:LVZ524313 MFV524309:MFV524313 MPR524309:MPR524313 MZN524309:MZN524313 NJJ524309:NJJ524313 NTF524309:NTF524313 ODB524309:ODB524313 OMX524309:OMX524313 OWT524309:OWT524313 PGP524309:PGP524313 PQL524309:PQL524313 QAH524309:QAH524313 QKD524309:QKD524313 QTZ524309:QTZ524313 RDV524309:RDV524313 RNR524309:RNR524313 RXN524309:RXN524313 SHJ524309:SHJ524313 SRF524309:SRF524313 TBB524309:TBB524313 TKX524309:TKX524313 TUT524309:TUT524313 UEP524309:UEP524313 UOL524309:UOL524313 UYH524309:UYH524313 VID524309:VID524313 VRZ524309:VRZ524313 WBV524309:WBV524313 WLR524309:WLR524313 WVN524309:WVN524313 F589845:F589849 JB589845:JB589849 SX589845:SX589849 ACT589845:ACT589849 AMP589845:AMP589849 AWL589845:AWL589849 BGH589845:BGH589849 BQD589845:BQD589849 BZZ589845:BZZ589849 CJV589845:CJV589849 CTR589845:CTR589849 DDN589845:DDN589849 DNJ589845:DNJ589849 DXF589845:DXF589849 EHB589845:EHB589849 EQX589845:EQX589849 FAT589845:FAT589849 FKP589845:FKP589849 FUL589845:FUL589849 GEH589845:GEH589849 GOD589845:GOD589849 GXZ589845:GXZ589849 HHV589845:HHV589849 HRR589845:HRR589849 IBN589845:IBN589849 ILJ589845:ILJ589849 IVF589845:IVF589849 JFB589845:JFB589849 JOX589845:JOX589849 JYT589845:JYT589849 KIP589845:KIP589849 KSL589845:KSL589849 LCH589845:LCH589849 LMD589845:LMD589849 LVZ589845:LVZ589849 MFV589845:MFV589849 MPR589845:MPR589849 MZN589845:MZN589849 NJJ589845:NJJ589849 NTF589845:NTF589849 ODB589845:ODB589849 OMX589845:OMX589849 OWT589845:OWT589849 PGP589845:PGP589849 PQL589845:PQL589849 QAH589845:QAH589849 QKD589845:QKD589849 QTZ589845:QTZ589849 RDV589845:RDV589849 RNR589845:RNR589849 RXN589845:RXN589849 SHJ589845:SHJ589849 SRF589845:SRF589849 TBB589845:TBB589849 TKX589845:TKX589849 TUT589845:TUT589849 UEP589845:UEP589849 UOL589845:UOL589849 UYH589845:UYH589849 VID589845:VID589849 VRZ589845:VRZ589849 WBV589845:WBV589849 WLR589845:WLR589849 WVN589845:WVN589849 F655381:F655385 JB655381:JB655385 SX655381:SX655385 ACT655381:ACT655385 AMP655381:AMP655385 AWL655381:AWL655385 BGH655381:BGH655385 BQD655381:BQD655385 BZZ655381:BZZ655385 CJV655381:CJV655385 CTR655381:CTR655385 DDN655381:DDN655385 DNJ655381:DNJ655385 DXF655381:DXF655385 EHB655381:EHB655385 EQX655381:EQX655385 FAT655381:FAT655385 FKP655381:FKP655385 FUL655381:FUL655385 GEH655381:GEH655385 GOD655381:GOD655385 GXZ655381:GXZ655385 HHV655381:HHV655385 HRR655381:HRR655385 IBN655381:IBN655385 ILJ655381:ILJ655385 IVF655381:IVF655385 JFB655381:JFB655385 JOX655381:JOX655385 JYT655381:JYT655385 KIP655381:KIP655385 KSL655381:KSL655385 LCH655381:LCH655385 LMD655381:LMD655385 LVZ655381:LVZ655385 MFV655381:MFV655385 MPR655381:MPR655385 MZN655381:MZN655385 NJJ655381:NJJ655385 NTF655381:NTF655385 ODB655381:ODB655385 OMX655381:OMX655385 OWT655381:OWT655385 PGP655381:PGP655385 PQL655381:PQL655385 QAH655381:QAH655385 QKD655381:QKD655385 QTZ655381:QTZ655385 RDV655381:RDV655385 RNR655381:RNR655385 RXN655381:RXN655385 SHJ655381:SHJ655385 SRF655381:SRF655385 TBB655381:TBB655385 TKX655381:TKX655385 TUT655381:TUT655385 UEP655381:UEP655385 UOL655381:UOL655385 UYH655381:UYH655385 VID655381:VID655385 VRZ655381:VRZ655385 WBV655381:WBV655385 WLR655381:WLR655385 WVN655381:WVN655385 F720917:F720921 JB720917:JB720921 SX720917:SX720921 ACT720917:ACT720921 AMP720917:AMP720921 AWL720917:AWL720921 BGH720917:BGH720921 BQD720917:BQD720921 BZZ720917:BZZ720921 CJV720917:CJV720921 CTR720917:CTR720921 DDN720917:DDN720921 DNJ720917:DNJ720921 DXF720917:DXF720921 EHB720917:EHB720921 EQX720917:EQX720921 FAT720917:FAT720921 FKP720917:FKP720921 FUL720917:FUL720921 GEH720917:GEH720921 GOD720917:GOD720921 GXZ720917:GXZ720921 HHV720917:HHV720921 HRR720917:HRR720921 IBN720917:IBN720921 ILJ720917:ILJ720921 IVF720917:IVF720921 JFB720917:JFB720921 JOX720917:JOX720921 JYT720917:JYT720921 KIP720917:KIP720921 KSL720917:KSL720921 LCH720917:LCH720921 LMD720917:LMD720921 LVZ720917:LVZ720921 MFV720917:MFV720921 MPR720917:MPR720921 MZN720917:MZN720921 NJJ720917:NJJ720921 NTF720917:NTF720921 ODB720917:ODB720921 OMX720917:OMX720921 OWT720917:OWT720921 PGP720917:PGP720921 PQL720917:PQL720921 QAH720917:QAH720921 QKD720917:QKD720921 QTZ720917:QTZ720921 RDV720917:RDV720921 RNR720917:RNR720921 RXN720917:RXN720921 SHJ720917:SHJ720921 SRF720917:SRF720921 TBB720917:TBB720921 TKX720917:TKX720921 TUT720917:TUT720921 UEP720917:UEP720921 UOL720917:UOL720921 UYH720917:UYH720921 VID720917:VID720921 VRZ720917:VRZ720921 WBV720917:WBV720921 WLR720917:WLR720921 WVN720917:WVN720921 F786453:F786457 JB786453:JB786457 SX786453:SX786457 ACT786453:ACT786457 AMP786453:AMP786457 AWL786453:AWL786457 BGH786453:BGH786457 BQD786453:BQD786457 BZZ786453:BZZ786457 CJV786453:CJV786457 CTR786453:CTR786457 DDN786453:DDN786457 DNJ786453:DNJ786457 DXF786453:DXF786457 EHB786453:EHB786457 EQX786453:EQX786457 FAT786453:FAT786457 FKP786453:FKP786457 FUL786453:FUL786457 GEH786453:GEH786457 GOD786453:GOD786457 GXZ786453:GXZ786457 HHV786453:HHV786457 HRR786453:HRR786457 IBN786453:IBN786457 ILJ786453:ILJ786457 IVF786453:IVF786457 JFB786453:JFB786457 JOX786453:JOX786457 JYT786453:JYT786457 KIP786453:KIP786457 KSL786453:KSL786457 LCH786453:LCH786457 LMD786453:LMD786457 LVZ786453:LVZ786457 MFV786453:MFV786457 MPR786453:MPR786457 MZN786453:MZN786457 NJJ786453:NJJ786457 NTF786453:NTF786457 ODB786453:ODB786457 OMX786453:OMX786457 OWT786453:OWT786457 PGP786453:PGP786457 PQL786453:PQL786457 QAH786453:QAH786457 QKD786453:QKD786457 QTZ786453:QTZ786457 RDV786453:RDV786457 RNR786453:RNR786457 RXN786453:RXN786457 SHJ786453:SHJ786457 SRF786453:SRF786457 TBB786453:TBB786457 TKX786453:TKX786457 TUT786453:TUT786457 UEP786453:UEP786457 UOL786453:UOL786457 UYH786453:UYH786457 VID786453:VID786457 VRZ786453:VRZ786457 WBV786453:WBV786457 WLR786453:WLR786457 WVN786453:WVN786457 F851989:F851993 JB851989:JB851993 SX851989:SX851993 ACT851989:ACT851993 AMP851989:AMP851993 AWL851989:AWL851993 BGH851989:BGH851993 BQD851989:BQD851993 BZZ851989:BZZ851993 CJV851989:CJV851993 CTR851989:CTR851993 DDN851989:DDN851993 DNJ851989:DNJ851993 DXF851989:DXF851993 EHB851989:EHB851993 EQX851989:EQX851993 FAT851989:FAT851993 FKP851989:FKP851993 FUL851989:FUL851993 GEH851989:GEH851993 GOD851989:GOD851993 GXZ851989:GXZ851993 HHV851989:HHV851993 HRR851989:HRR851993 IBN851989:IBN851993 ILJ851989:ILJ851993 IVF851989:IVF851993 JFB851989:JFB851993 JOX851989:JOX851993 JYT851989:JYT851993 KIP851989:KIP851993 KSL851989:KSL851993 LCH851989:LCH851993 LMD851989:LMD851993 LVZ851989:LVZ851993 MFV851989:MFV851993 MPR851989:MPR851993 MZN851989:MZN851993 NJJ851989:NJJ851993 NTF851989:NTF851993 ODB851989:ODB851993 OMX851989:OMX851993 OWT851989:OWT851993 PGP851989:PGP851993 PQL851989:PQL851993 QAH851989:QAH851993 QKD851989:QKD851993 QTZ851989:QTZ851993 RDV851989:RDV851993 RNR851989:RNR851993 RXN851989:RXN851993 SHJ851989:SHJ851993 SRF851989:SRF851993 TBB851989:TBB851993 TKX851989:TKX851993 TUT851989:TUT851993 UEP851989:UEP851993 UOL851989:UOL851993 UYH851989:UYH851993 VID851989:VID851993 VRZ851989:VRZ851993 WBV851989:WBV851993 WLR851989:WLR851993 WVN851989:WVN851993 F917525:F917529 JB917525:JB917529 SX917525:SX917529 ACT917525:ACT917529 AMP917525:AMP917529 AWL917525:AWL917529 BGH917525:BGH917529 BQD917525:BQD917529 BZZ917525:BZZ917529 CJV917525:CJV917529 CTR917525:CTR917529 DDN917525:DDN917529 DNJ917525:DNJ917529 DXF917525:DXF917529 EHB917525:EHB917529 EQX917525:EQX917529 FAT917525:FAT917529 FKP917525:FKP917529 FUL917525:FUL917529 GEH917525:GEH917529 GOD917525:GOD917529 GXZ917525:GXZ917529 HHV917525:HHV917529 HRR917525:HRR917529 IBN917525:IBN917529 ILJ917525:ILJ917529 IVF917525:IVF917529 JFB917525:JFB917529 JOX917525:JOX917529 JYT917525:JYT917529 KIP917525:KIP917529 KSL917525:KSL917529 LCH917525:LCH917529 LMD917525:LMD917529 LVZ917525:LVZ917529 MFV917525:MFV917529 MPR917525:MPR917529 MZN917525:MZN917529 NJJ917525:NJJ917529 NTF917525:NTF917529 ODB917525:ODB917529 OMX917525:OMX917529 OWT917525:OWT917529 PGP917525:PGP917529 PQL917525:PQL917529 QAH917525:QAH917529 QKD917525:QKD917529 QTZ917525:QTZ917529 RDV917525:RDV917529 RNR917525:RNR917529 RXN917525:RXN917529 SHJ917525:SHJ917529 SRF917525:SRF917529 TBB917525:TBB917529 TKX917525:TKX917529 TUT917525:TUT917529 UEP917525:UEP917529 UOL917525:UOL917529 UYH917525:UYH917529 VID917525:VID917529 VRZ917525:VRZ917529 WBV917525:WBV917529 WLR917525:WLR917529 WVN917525:WVN917529 F983061:F983065 JB983061:JB983065 SX983061:SX983065 ACT983061:ACT983065 AMP983061:AMP983065 AWL983061:AWL983065 BGH983061:BGH983065 BQD983061:BQD983065 BZZ983061:BZZ983065 CJV983061:CJV983065 CTR983061:CTR983065 DDN983061:DDN983065 DNJ983061:DNJ983065 DXF983061:DXF983065 EHB983061:EHB983065 EQX983061:EQX983065 FAT983061:FAT983065 FKP983061:FKP983065 FUL983061:FUL983065 GEH983061:GEH983065 GOD983061:GOD983065 GXZ983061:GXZ983065 HHV983061:HHV983065 HRR983061:HRR983065 IBN983061:IBN983065 ILJ983061:ILJ983065 IVF983061:IVF983065 JFB983061:JFB983065 JOX983061:JOX983065 JYT983061:JYT983065 KIP983061:KIP983065 KSL983061:KSL983065 LCH983061:LCH983065 LMD983061:LMD983065 LVZ983061:LVZ983065 MFV983061:MFV983065 MPR983061:MPR983065 MZN983061:MZN983065 NJJ983061:NJJ983065 NTF983061:NTF983065 ODB983061:ODB983065 OMX983061:OMX983065 OWT983061:OWT983065 PGP983061:PGP983065 PQL983061:PQL983065 QAH983061:QAH983065 QKD983061:QKD983065 QTZ983061:QTZ983065 RDV983061:RDV983065 RNR983061:RNR983065 RXN983061:RXN983065 SHJ983061:SHJ983065 SRF983061:SRF983065 TBB983061:TBB983065 TKX983061:TKX983065 TUT983061:TUT983065 UEP983061:UEP983065 UOL983061:UOL983065 UYH983061:UYH983065 VID983061:VID983065 VRZ983061:VRZ983065 WBV983061:WBV983065 WLR983061:WLR983065" xr:uid="{0406EA9C-2679-4834-BC9A-D517675954F1}">
      <formula1>"移乗支援（装着）,移乗支援（非装着）,排泄支援（排泄予測・検知）,見守り・コミュニケーション,入浴支援,介護業務支援,機能訓練支援,食事・栄養管理支援,認知症生活支援・認知症ケア支援,情報端末"</formula1>
    </dataValidation>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7" max="16383"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view="pageBreakPreview" topLeftCell="A11" zoomScaleNormal="100" zoomScaleSheetLayoutView="100" workbookViewId="0">
      <selection activeCell="F4" sqref="F4"/>
    </sheetView>
  </sheetViews>
  <sheetFormatPr defaultColWidth="10" defaultRowHeight="18"/>
  <cols>
    <col min="1" max="1" width="9.54296875" style="37" customWidth="1"/>
    <col min="2" max="2" width="5.453125" style="37" customWidth="1"/>
    <col min="3" max="3" width="47.90625" style="37" customWidth="1"/>
    <col min="4" max="4" width="25.6328125" style="37" customWidth="1"/>
    <col min="5" max="5" width="2.90625" style="37" customWidth="1"/>
    <col min="6" max="6" width="10" style="34"/>
    <col min="7" max="16384" width="10" style="51"/>
  </cols>
  <sheetData>
    <row r="1" spans="1:5" ht="47.25" customHeight="1">
      <c r="A1" s="216" t="s">
        <v>304</v>
      </c>
      <c r="B1" s="216"/>
      <c r="C1" s="216"/>
      <c r="D1" s="216"/>
      <c r="E1" s="33"/>
    </row>
    <row r="2" spans="1:5" ht="22.5" customHeight="1" thickBot="1">
      <c r="A2" s="35"/>
      <c r="B2" s="35"/>
      <c r="C2" s="35"/>
      <c r="D2" s="36" t="s">
        <v>144</v>
      </c>
      <c r="E2" s="33"/>
    </row>
    <row r="3" spans="1:5" ht="22.5" customHeight="1">
      <c r="A3" s="217" t="s">
        <v>145</v>
      </c>
      <c r="B3" s="218"/>
      <c r="C3" s="218"/>
      <c r="D3" s="219"/>
    </row>
    <row r="4" spans="1:5" ht="22.5" customHeight="1">
      <c r="A4" s="38"/>
      <c r="B4" s="220" t="s">
        <v>146</v>
      </c>
      <c r="C4" s="220"/>
      <c r="D4" s="39"/>
    </row>
    <row r="5" spans="1:5" ht="22.5" customHeight="1">
      <c r="A5" s="40"/>
      <c r="B5" s="41"/>
      <c r="C5" s="41" t="s">
        <v>147</v>
      </c>
      <c r="D5" s="39">
        <f>'【介護テクノロジー（介護ソフト）】所要額調書(様式２)'!L13</f>
        <v>1210000</v>
      </c>
    </row>
    <row r="6" spans="1:5" ht="22.5" customHeight="1">
      <c r="A6" s="40"/>
      <c r="B6" s="220" t="s">
        <v>148</v>
      </c>
      <c r="C6" s="220"/>
      <c r="D6" s="39"/>
    </row>
    <row r="7" spans="1:5" ht="22.5" customHeight="1">
      <c r="A7" s="40"/>
      <c r="B7" s="42"/>
      <c r="C7" s="43" t="s">
        <v>148</v>
      </c>
      <c r="D7" s="39">
        <f>D10-D5</f>
        <v>990000</v>
      </c>
    </row>
    <row r="8" spans="1:5" ht="22.5" customHeight="1">
      <c r="A8" s="40"/>
      <c r="B8" s="44"/>
      <c r="C8" s="45"/>
      <c r="D8" s="39"/>
    </row>
    <row r="9" spans="1:5" ht="22.5" customHeight="1" thickBot="1">
      <c r="A9" s="40"/>
      <c r="B9" s="44"/>
      <c r="C9" s="46"/>
      <c r="D9" s="47"/>
    </row>
    <row r="10" spans="1:5" ht="22.5" customHeight="1" thickTop="1" thickBot="1">
      <c r="A10" s="221" t="s">
        <v>149</v>
      </c>
      <c r="B10" s="222"/>
      <c r="C10" s="222"/>
      <c r="D10" s="48">
        <f>'【介護テクノロジー（介護ソフト）】所要額調書(様式２)'!C13</f>
        <v>2200000</v>
      </c>
    </row>
    <row r="11" spans="1:5" ht="22.5" customHeight="1">
      <c r="A11" s="33"/>
      <c r="B11" s="33"/>
      <c r="C11" s="33"/>
      <c r="D11" s="33"/>
    </row>
    <row r="12" spans="1:5" s="37" customFormat="1" ht="22.5" customHeight="1" thickBot="1">
      <c r="A12" s="33"/>
      <c r="B12" s="33"/>
      <c r="C12" s="33"/>
      <c r="D12" s="33"/>
    </row>
    <row r="13" spans="1:5" s="37" customFormat="1" ht="22.5" customHeight="1">
      <c r="A13" s="223" t="s">
        <v>150</v>
      </c>
      <c r="B13" s="218"/>
      <c r="C13" s="218"/>
      <c r="D13" s="219"/>
    </row>
    <row r="14" spans="1:5" s="37" customFormat="1" ht="22.5" customHeight="1">
      <c r="A14" s="224" t="s">
        <v>244</v>
      </c>
      <c r="B14" s="225"/>
      <c r="C14" s="226"/>
      <c r="D14" s="49">
        <f>'【介護テクノロジー（介護ソフト）】所要額調書(様式２)'!C13</f>
        <v>2200000</v>
      </c>
    </row>
    <row r="15" spans="1:5" s="37" customFormat="1" ht="22.5" customHeight="1">
      <c r="A15" s="224"/>
      <c r="B15" s="225"/>
      <c r="C15" s="226"/>
      <c r="D15" s="49"/>
    </row>
    <row r="16" spans="1:5" s="37" customFormat="1" ht="22.5" hidden="1" customHeight="1">
      <c r="A16" s="224"/>
      <c r="B16" s="225"/>
      <c r="C16" s="226"/>
      <c r="D16" s="49"/>
    </row>
    <row r="17" spans="1:4" s="37" customFormat="1" ht="22.5" hidden="1" customHeight="1">
      <c r="A17" s="224"/>
      <c r="B17" s="225"/>
      <c r="C17" s="226"/>
      <c r="D17" s="49"/>
    </row>
    <row r="18" spans="1:4" s="37" customFormat="1" ht="22.5" hidden="1" customHeight="1">
      <c r="A18" s="224"/>
      <c r="B18" s="225"/>
      <c r="C18" s="226"/>
      <c r="D18" s="49"/>
    </row>
    <row r="19" spans="1:4" s="37" customFormat="1" ht="22.5" hidden="1" customHeight="1">
      <c r="A19" s="224"/>
      <c r="B19" s="225"/>
      <c r="C19" s="226"/>
      <c r="D19" s="49"/>
    </row>
    <row r="20" spans="1:4" s="37" customFormat="1" ht="22.5" hidden="1" customHeight="1">
      <c r="A20" s="224"/>
      <c r="B20" s="225"/>
      <c r="C20" s="226"/>
      <c r="D20" s="49"/>
    </row>
    <row r="21" spans="1:4" s="37" customFormat="1" ht="22.5" hidden="1" customHeight="1">
      <c r="A21" s="224"/>
      <c r="B21" s="225"/>
      <c r="C21" s="226"/>
      <c r="D21" s="49"/>
    </row>
    <row r="22" spans="1:4" s="37" customFormat="1" ht="22.5" hidden="1" customHeight="1">
      <c r="A22" s="224"/>
      <c r="B22" s="225"/>
      <c r="C22" s="226"/>
      <c r="D22" s="49"/>
    </row>
    <row r="23" spans="1:4" s="37" customFormat="1" ht="22.5" hidden="1" customHeight="1">
      <c r="A23" s="224"/>
      <c r="B23" s="225"/>
      <c r="C23" s="226"/>
      <c r="D23" s="49"/>
    </row>
    <row r="24" spans="1:4" s="37" customFormat="1" ht="22.5" hidden="1" customHeight="1">
      <c r="A24" s="224"/>
      <c r="B24" s="225"/>
      <c r="C24" s="226"/>
      <c r="D24" s="49"/>
    </row>
    <row r="25" spans="1:4" s="37" customFormat="1" ht="22.5" hidden="1" customHeight="1">
      <c r="A25" s="224"/>
      <c r="B25" s="225"/>
      <c r="C25" s="226"/>
      <c r="D25" s="49"/>
    </row>
    <row r="26" spans="1:4" s="37" customFormat="1" ht="22.5" hidden="1" customHeight="1">
      <c r="A26" s="224"/>
      <c r="B26" s="225"/>
      <c r="C26" s="226"/>
      <c r="D26" s="49"/>
    </row>
    <row r="27" spans="1:4" s="37" customFormat="1" ht="22.5" hidden="1" customHeight="1">
      <c r="A27" s="224"/>
      <c r="B27" s="225"/>
      <c r="C27" s="226"/>
      <c r="D27" s="49"/>
    </row>
    <row r="28" spans="1:4" s="37" customFormat="1" ht="22.5" hidden="1" customHeight="1">
      <c r="A28" s="224"/>
      <c r="B28" s="225"/>
      <c r="C28" s="226"/>
      <c r="D28" s="49"/>
    </row>
    <row r="29" spans="1:4" s="37" customFormat="1" ht="22.5" hidden="1" customHeight="1">
      <c r="A29" s="224"/>
      <c r="B29" s="225"/>
      <c r="C29" s="226"/>
      <c r="D29" s="49"/>
    </row>
    <row r="30" spans="1:4" s="37" customFormat="1" ht="22.5" hidden="1" customHeight="1">
      <c r="A30" s="224"/>
      <c r="B30" s="225"/>
      <c r="C30" s="226"/>
      <c r="D30" s="49"/>
    </row>
    <row r="31" spans="1:4" s="37" customFormat="1" ht="22.5" hidden="1" customHeight="1">
      <c r="A31" s="224"/>
      <c r="B31" s="225"/>
      <c r="C31" s="226"/>
      <c r="D31" s="49"/>
    </row>
    <row r="32" spans="1:4" s="37" customFormat="1" ht="22.5" hidden="1" customHeight="1">
      <c r="A32" s="224"/>
      <c r="B32" s="225"/>
      <c r="C32" s="226"/>
      <c r="D32" s="49"/>
    </row>
    <row r="33" spans="1:4" s="37" customFormat="1" ht="22.5" hidden="1" customHeight="1">
      <c r="A33" s="224"/>
      <c r="B33" s="225"/>
      <c r="C33" s="226"/>
      <c r="D33" s="49"/>
    </row>
    <row r="34" spans="1:4" s="37" customFormat="1" ht="22.5" hidden="1" customHeight="1">
      <c r="A34" s="224"/>
      <c r="B34" s="225"/>
      <c r="C34" s="226"/>
      <c r="D34" s="49"/>
    </row>
    <row r="35" spans="1:4" s="37" customFormat="1" ht="22.5" hidden="1" customHeight="1">
      <c r="A35" s="224"/>
      <c r="B35" s="225"/>
      <c r="C35" s="226"/>
      <c r="D35" s="49"/>
    </row>
    <row r="36" spans="1:4" s="37" customFormat="1" ht="22.5" hidden="1" customHeight="1">
      <c r="A36" s="224"/>
      <c r="B36" s="225"/>
      <c r="C36" s="226"/>
      <c r="D36" s="49"/>
    </row>
    <row r="37" spans="1:4" s="37" customFormat="1" ht="22.5" hidden="1" customHeight="1">
      <c r="A37" s="224"/>
      <c r="B37" s="225"/>
      <c r="C37" s="226"/>
      <c r="D37" s="49"/>
    </row>
    <row r="38" spans="1:4" s="37" customFormat="1" ht="22.5" hidden="1" customHeight="1">
      <c r="A38" s="224"/>
      <c r="B38" s="225"/>
      <c r="C38" s="226"/>
      <c r="D38" s="49"/>
    </row>
    <row r="39" spans="1:4" s="37" customFormat="1" ht="22.5" hidden="1" customHeight="1">
      <c r="A39" s="224"/>
      <c r="B39" s="225"/>
      <c r="C39" s="226"/>
      <c r="D39" s="49"/>
    </row>
    <row r="40" spans="1:4" s="37" customFormat="1" ht="22.5" hidden="1" customHeight="1">
      <c r="A40" s="224"/>
      <c r="B40" s="225"/>
      <c r="C40" s="226"/>
      <c r="D40" s="49"/>
    </row>
    <row r="41" spans="1:4" s="37" customFormat="1" ht="22.5" hidden="1" customHeight="1">
      <c r="A41" s="224"/>
      <c r="B41" s="225"/>
      <c r="C41" s="226"/>
      <c r="D41" s="49"/>
    </row>
    <row r="42" spans="1:4" s="37" customFormat="1" ht="22.5" hidden="1" customHeight="1">
      <c r="A42" s="224"/>
      <c r="B42" s="225"/>
      <c r="C42" s="226"/>
      <c r="D42" s="49"/>
    </row>
    <row r="43" spans="1:4" s="37" customFormat="1" ht="22.5" hidden="1" customHeight="1">
      <c r="A43" s="224"/>
      <c r="B43" s="225"/>
      <c r="C43" s="226"/>
      <c r="D43" s="49"/>
    </row>
    <row r="44" spans="1:4" s="37" customFormat="1" ht="22.5" hidden="1" customHeight="1">
      <c r="A44" s="224"/>
      <c r="B44" s="225"/>
      <c r="C44" s="226"/>
      <c r="D44" s="49"/>
    </row>
    <row r="45" spans="1:4" s="37" customFormat="1" ht="22.5" hidden="1" customHeight="1">
      <c r="A45" s="224"/>
      <c r="B45" s="225"/>
      <c r="C45" s="226"/>
      <c r="D45" s="49"/>
    </row>
    <row r="46" spans="1:4" s="37" customFormat="1" ht="22.5" hidden="1" customHeight="1">
      <c r="A46" s="224"/>
      <c r="B46" s="225"/>
      <c r="C46" s="226"/>
      <c r="D46" s="49"/>
    </row>
    <row r="47" spans="1:4" s="37" customFormat="1" ht="22.5" hidden="1" customHeight="1">
      <c r="A47" s="224"/>
      <c r="B47" s="225"/>
      <c r="C47" s="226"/>
      <c r="D47" s="49"/>
    </row>
    <row r="48" spans="1:4" s="37" customFormat="1" ht="22.5" hidden="1" customHeight="1">
      <c r="A48" s="224"/>
      <c r="B48" s="225"/>
      <c r="C48" s="226"/>
      <c r="D48" s="49"/>
    </row>
    <row r="49" spans="1:4" s="37" customFormat="1" ht="22.5" hidden="1" customHeight="1">
      <c r="A49" s="224"/>
      <c r="B49" s="225"/>
      <c r="C49" s="226"/>
      <c r="D49" s="49"/>
    </row>
    <row r="50" spans="1:4" s="37" customFormat="1" ht="22.5" hidden="1" customHeight="1">
      <c r="A50" s="224"/>
      <c r="B50" s="225"/>
      <c r="C50" s="226"/>
      <c r="D50" s="49"/>
    </row>
    <row r="51" spans="1:4" s="37" customFormat="1" ht="22.5" hidden="1" customHeight="1">
      <c r="A51" s="224"/>
      <c r="B51" s="225"/>
      <c r="C51" s="226"/>
      <c r="D51" s="49"/>
    </row>
    <row r="52" spans="1:4" s="37" customFormat="1" ht="22.5" hidden="1" customHeight="1">
      <c r="A52" s="224"/>
      <c r="B52" s="225"/>
      <c r="C52" s="226"/>
      <c r="D52" s="49"/>
    </row>
    <row r="53" spans="1:4" s="37" customFormat="1" ht="22.5" hidden="1" customHeight="1">
      <c r="A53" s="224"/>
      <c r="B53" s="225"/>
      <c r="C53" s="226"/>
      <c r="D53" s="49"/>
    </row>
    <row r="54" spans="1:4" s="37" customFormat="1" ht="22.5" hidden="1" customHeight="1">
      <c r="A54" s="224"/>
      <c r="B54" s="225"/>
      <c r="C54" s="226"/>
      <c r="D54" s="49"/>
    </row>
    <row r="55" spans="1:4" s="37" customFormat="1" ht="22.5" hidden="1" customHeight="1">
      <c r="A55" s="224"/>
      <c r="B55" s="225"/>
      <c r="C55" s="226"/>
      <c r="D55" s="49"/>
    </row>
    <row r="56" spans="1:4" s="37" customFormat="1" ht="22.5" hidden="1" customHeight="1">
      <c r="A56" s="224"/>
      <c r="B56" s="225"/>
      <c r="C56" s="226"/>
      <c r="D56" s="49"/>
    </row>
    <row r="57" spans="1:4" s="37" customFormat="1" ht="22.5" hidden="1" customHeight="1">
      <c r="A57" s="224"/>
      <c r="B57" s="225"/>
      <c r="C57" s="226"/>
      <c r="D57" s="49"/>
    </row>
    <row r="58" spans="1:4" s="37" customFormat="1" ht="22.5" hidden="1" customHeight="1">
      <c r="A58" s="224"/>
      <c r="B58" s="225"/>
      <c r="C58" s="226"/>
      <c r="D58" s="49"/>
    </row>
    <row r="59" spans="1:4" s="37" customFormat="1" ht="22.5" hidden="1" customHeight="1">
      <c r="A59" s="224"/>
      <c r="B59" s="225"/>
      <c r="C59" s="226"/>
      <c r="D59" s="49"/>
    </row>
    <row r="60" spans="1:4" s="37" customFormat="1" ht="22.5" hidden="1" customHeight="1">
      <c r="A60" s="224"/>
      <c r="B60" s="225"/>
      <c r="C60" s="226"/>
      <c r="D60" s="49"/>
    </row>
    <row r="61" spans="1:4" s="37" customFormat="1" ht="22.5" hidden="1" customHeight="1">
      <c r="A61" s="224"/>
      <c r="B61" s="225"/>
      <c r="C61" s="226"/>
      <c r="D61" s="49"/>
    </row>
    <row r="62" spans="1:4" s="37" customFormat="1" ht="22.5" hidden="1" customHeight="1">
      <c r="A62" s="224"/>
      <c r="B62" s="225"/>
      <c r="C62" s="226"/>
      <c r="D62" s="49"/>
    </row>
    <row r="63" spans="1:4" s="37" customFormat="1" ht="22.5" hidden="1" customHeight="1">
      <c r="A63" s="224"/>
      <c r="B63" s="225"/>
      <c r="C63" s="226"/>
      <c r="D63" s="49"/>
    </row>
    <row r="64" spans="1:4" s="37" customFormat="1" ht="22.5" hidden="1" customHeight="1">
      <c r="A64" s="224"/>
      <c r="B64" s="225"/>
      <c r="C64" s="226"/>
      <c r="D64" s="49"/>
    </row>
    <row r="65" spans="1:4" s="37" customFormat="1" ht="22.5" hidden="1" customHeight="1">
      <c r="A65" s="224"/>
      <c r="B65" s="225"/>
      <c r="C65" s="226"/>
      <c r="D65" s="49"/>
    </row>
    <row r="66" spans="1:4" s="37" customFormat="1" ht="22.5" hidden="1" customHeight="1">
      <c r="A66" s="224"/>
      <c r="B66" s="225"/>
      <c r="C66" s="226"/>
      <c r="D66" s="49"/>
    </row>
    <row r="67" spans="1:4" s="37" customFormat="1" ht="22.5" hidden="1" customHeight="1">
      <c r="A67" s="224"/>
      <c r="B67" s="225"/>
      <c r="C67" s="226"/>
      <c r="D67" s="49"/>
    </row>
    <row r="68" spans="1:4" s="37" customFormat="1" ht="22.5" hidden="1" customHeight="1">
      <c r="A68" s="224"/>
      <c r="B68" s="225"/>
      <c r="C68" s="226"/>
      <c r="D68" s="49"/>
    </row>
    <row r="69" spans="1:4" s="37" customFormat="1" ht="22.5" hidden="1" customHeight="1">
      <c r="A69" s="224"/>
      <c r="B69" s="225"/>
      <c r="C69" s="226"/>
      <c r="D69" s="49"/>
    </row>
    <row r="70" spans="1:4" s="37" customFormat="1" ht="22.5" hidden="1" customHeight="1">
      <c r="A70" s="224"/>
      <c r="B70" s="225"/>
      <c r="C70" s="226"/>
      <c r="D70" s="49"/>
    </row>
    <row r="71" spans="1:4" s="37" customFormat="1" ht="22.5" hidden="1" customHeight="1">
      <c r="A71" s="224"/>
      <c r="B71" s="225"/>
      <c r="C71" s="226"/>
      <c r="D71" s="49"/>
    </row>
    <row r="72" spans="1:4" s="37" customFormat="1" ht="22.5" hidden="1" customHeight="1">
      <c r="A72" s="224"/>
      <c r="B72" s="225"/>
      <c r="C72" s="226"/>
      <c r="D72" s="49"/>
    </row>
    <row r="73" spans="1:4" s="37" customFormat="1" ht="22.5" hidden="1" customHeight="1">
      <c r="A73" s="224"/>
      <c r="B73" s="225"/>
      <c r="C73" s="226"/>
      <c r="D73" s="49"/>
    </row>
    <row r="74" spans="1:4" s="37" customFormat="1" ht="22.5" hidden="1" customHeight="1">
      <c r="A74" s="224"/>
      <c r="B74" s="225"/>
      <c r="C74" s="226"/>
      <c r="D74" s="49"/>
    </row>
    <row r="75" spans="1:4" s="37" customFormat="1" ht="22.5" hidden="1" customHeight="1">
      <c r="A75" s="224"/>
      <c r="B75" s="225"/>
      <c r="C75" s="226"/>
      <c r="D75" s="49"/>
    </row>
    <row r="76" spans="1:4" s="37" customFormat="1" ht="22.5" hidden="1" customHeight="1">
      <c r="A76" s="224"/>
      <c r="B76" s="225"/>
      <c r="C76" s="226"/>
      <c r="D76" s="49"/>
    </row>
    <row r="77" spans="1:4" s="37" customFormat="1" ht="22.5" hidden="1" customHeight="1">
      <c r="A77" s="224"/>
      <c r="B77" s="225"/>
      <c r="C77" s="226"/>
      <c r="D77" s="49"/>
    </row>
    <row r="78" spans="1:4" s="37" customFormat="1" ht="22.5" hidden="1" customHeight="1">
      <c r="A78" s="224"/>
      <c r="B78" s="225"/>
      <c r="C78" s="226"/>
      <c r="D78" s="49"/>
    </row>
    <row r="79" spans="1:4" s="37" customFormat="1" ht="22.5" hidden="1" customHeight="1">
      <c r="A79" s="224"/>
      <c r="B79" s="225"/>
      <c r="C79" s="226"/>
      <c r="D79" s="49"/>
    </row>
    <row r="80" spans="1:4" s="37" customFormat="1" ht="22.5" hidden="1" customHeight="1">
      <c r="A80" s="224"/>
      <c r="B80" s="225"/>
      <c r="C80" s="226"/>
      <c r="D80" s="49"/>
    </row>
    <row r="81" spans="1:4" s="37" customFormat="1" ht="22.5" hidden="1" customHeight="1">
      <c r="A81" s="224"/>
      <c r="B81" s="225"/>
      <c r="C81" s="226"/>
      <c r="D81" s="49"/>
    </row>
    <row r="82" spans="1:4" s="37" customFormat="1" ht="22.5" hidden="1" customHeight="1">
      <c r="A82" s="224"/>
      <c r="B82" s="225"/>
      <c r="C82" s="226"/>
      <c r="D82" s="49"/>
    </row>
    <row r="83" spans="1:4" s="37" customFormat="1" ht="22.5" hidden="1" customHeight="1">
      <c r="A83" s="224"/>
      <c r="B83" s="225"/>
      <c r="C83" s="226"/>
      <c r="D83" s="49"/>
    </row>
    <row r="84" spans="1:4" s="37" customFormat="1" ht="22.5" hidden="1" customHeight="1">
      <c r="A84" s="224"/>
      <c r="B84" s="225"/>
      <c r="C84" s="226"/>
      <c r="D84" s="49"/>
    </row>
    <row r="85" spans="1:4" s="37" customFormat="1" ht="22.5" hidden="1" customHeight="1">
      <c r="A85" s="224"/>
      <c r="B85" s="225"/>
      <c r="C85" s="226"/>
      <c r="D85" s="49"/>
    </row>
    <row r="86" spans="1:4" s="37" customFormat="1" ht="22.5" hidden="1" customHeight="1">
      <c r="A86" s="224"/>
      <c r="B86" s="225"/>
      <c r="C86" s="226"/>
      <c r="D86" s="49"/>
    </row>
    <row r="87" spans="1:4" s="37" customFormat="1" ht="22.5" hidden="1" customHeight="1">
      <c r="A87" s="224"/>
      <c r="B87" s="225"/>
      <c r="C87" s="226"/>
      <c r="D87" s="49"/>
    </row>
    <row r="88" spans="1:4" s="37" customFormat="1" ht="22.5" hidden="1" customHeight="1">
      <c r="A88" s="224"/>
      <c r="B88" s="225"/>
      <c r="C88" s="226"/>
      <c r="D88" s="49"/>
    </row>
    <row r="89" spans="1:4" s="37" customFormat="1" ht="22.5" hidden="1" customHeight="1">
      <c r="A89" s="224"/>
      <c r="B89" s="225"/>
      <c r="C89" s="226"/>
      <c r="D89" s="49"/>
    </row>
    <row r="90" spans="1:4" s="37" customFormat="1" ht="22.5" hidden="1" customHeight="1">
      <c r="A90" s="224"/>
      <c r="B90" s="225"/>
      <c r="C90" s="226"/>
      <c r="D90" s="49"/>
    </row>
    <row r="91" spans="1:4" s="37" customFormat="1" ht="22.5" hidden="1" customHeight="1">
      <c r="A91" s="224"/>
      <c r="B91" s="225"/>
      <c r="C91" s="226"/>
      <c r="D91" s="49"/>
    </row>
    <row r="92" spans="1:4" s="37" customFormat="1" ht="22.5" hidden="1" customHeight="1">
      <c r="A92" s="224"/>
      <c r="B92" s="225"/>
      <c r="C92" s="226"/>
      <c r="D92" s="49"/>
    </row>
    <row r="93" spans="1:4" s="37" customFormat="1" ht="22.5" hidden="1" customHeight="1">
      <c r="A93" s="224"/>
      <c r="B93" s="225"/>
      <c r="C93" s="226"/>
      <c r="D93" s="49"/>
    </row>
    <row r="94" spans="1:4" s="37" customFormat="1" ht="22.5" hidden="1" customHeight="1">
      <c r="A94" s="224"/>
      <c r="B94" s="225"/>
      <c r="C94" s="226"/>
      <c r="D94" s="49"/>
    </row>
    <row r="95" spans="1:4" s="37" customFormat="1" ht="22.5" hidden="1" customHeight="1">
      <c r="A95" s="224"/>
      <c r="B95" s="225"/>
      <c r="C95" s="226"/>
      <c r="D95" s="49"/>
    </row>
    <row r="96" spans="1:4" s="37" customFormat="1" ht="22.5" hidden="1" customHeight="1">
      <c r="A96" s="224"/>
      <c r="B96" s="225"/>
      <c r="C96" s="226"/>
      <c r="D96" s="49"/>
    </row>
    <row r="97" spans="1:4" s="37" customFormat="1" ht="22.5" hidden="1" customHeight="1">
      <c r="A97" s="224"/>
      <c r="B97" s="225"/>
      <c r="C97" s="226"/>
      <c r="D97" s="49"/>
    </row>
    <row r="98" spans="1:4" s="37" customFormat="1" ht="22.5" hidden="1" customHeight="1">
      <c r="A98" s="224"/>
      <c r="B98" s="225"/>
      <c r="C98" s="226"/>
      <c r="D98" s="49"/>
    </row>
    <row r="99" spans="1:4" s="37" customFormat="1" ht="22.5" hidden="1" customHeight="1">
      <c r="A99" s="224"/>
      <c r="B99" s="225"/>
      <c r="C99" s="226"/>
      <c r="D99" s="49"/>
    </row>
    <row r="100" spans="1:4" s="37" customFormat="1" ht="22.5" hidden="1" customHeight="1">
      <c r="A100" s="224"/>
      <c r="B100" s="225"/>
      <c r="C100" s="226"/>
      <c r="D100" s="49"/>
    </row>
    <row r="101" spans="1:4" s="37" customFormat="1" ht="22.5" hidden="1" customHeight="1">
      <c r="A101" s="224"/>
      <c r="B101" s="225"/>
      <c r="C101" s="226"/>
      <c r="D101" s="49"/>
    </row>
    <row r="102" spans="1:4" s="37" customFormat="1" ht="22.5" hidden="1" customHeight="1">
      <c r="A102" s="224"/>
      <c r="B102" s="225"/>
      <c r="C102" s="226"/>
      <c r="D102" s="49"/>
    </row>
    <row r="103" spans="1:4" s="37" customFormat="1" ht="22.5" hidden="1" customHeight="1">
      <c r="A103" s="224"/>
      <c r="B103" s="225"/>
      <c r="C103" s="226"/>
      <c r="D103" s="49"/>
    </row>
    <row r="104" spans="1:4" s="37" customFormat="1" ht="22.5" hidden="1" customHeight="1">
      <c r="A104" s="224"/>
      <c r="B104" s="225"/>
      <c r="C104" s="226"/>
      <c r="D104" s="49"/>
    </row>
    <row r="105" spans="1:4" s="37" customFormat="1" ht="22.5" hidden="1" customHeight="1">
      <c r="A105" s="224"/>
      <c r="B105" s="225"/>
      <c r="C105" s="226"/>
      <c r="D105" s="49"/>
    </row>
    <row r="106" spans="1:4" s="37" customFormat="1" ht="22.5" hidden="1" customHeight="1">
      <c r="A106" s="224"/>
      <c r="B106" s="225"/>
      <c r="C106" s="226"/>
      <c r="D106" s="49"/>
    </row>
    <row r="107" spans="1:4" s="37" customFormat="1" ht="22.5" hidden="1" customHeight="1">
      <c r="A107" s="224"/>
      <c r="B107" s="225"/>
      <c r="C107" s="226"/>
      <c r="D107" s="49"/>
    </row>
    <row r="108" spans="1:4" s="37" customFormat="1" ht="22.5" hidden="1" customHeight="1">
      <c r="A108" s="224"/>
      <c r="B108" s="225"/>
      <c r="C108" s="226"/>
      <c r="D108" s="49"/>
    </row>
    <row r="109" spans="1:4" s="37" customFormat="1" ht="22.5" hidden="1" customHeight="1">
      <c r="A109" s="224"/>
      <c r="B109" s="225"/>
      <c r="C109" s="226"/>
      <c r="D109" s="49"/>
    </row>
    <row r="110" spans="1:4" s="37" customFormat="1" ht="22.5" hidden="1" customHeight="1">
      <c r="A110" s="224"/>
      <c r="B110" s="225"/>
      <c r="C110" s="226"/>
      <c r="D110" s="49"/>
    </row>
    <row r="111" spans="1:4" s="37" customFormat="1" ht="22.5" hidden="1" customHeight="1">
      <c r="A111" s="224"/>
      <c r="B111" s="225"/>
      <c r="C111" s="226"/>
      <c r="D111" s="49"/>
    </row>
    <row r="112" spans="1:4" s="37" customFormat="1" ht="22.5" hidden="1" customHeight="1">
      <c r="A112" s="224"/>
      <c r="B112" s="225"/>
      <c r="C112" s="226"/>
      <c r="D112" s="49"/>
    </row>
    <row r="113" spans="1:4" s="37" customFormat="1" ht="22.5" hidden="1" customHeight="1">
      <c r="A113" s="224"/>
      <c r="B113" s="225"/>
      <c r="C113" s="226"/>
      <c r="D113" s="49"/>
    </row>
    <row r="114" spans="1:4" s="37" customFormat="1" ht="22.5" hidden="1" customHeight="1">
      <c r="A114" s="224"/>
      <c r="B114" s="225"/>
      <c r="C114" s="226"/>
      <c r="D114" s="49"/>
    </row>
    <row r="115" spans="1:4" s="37" customFormat="1" ht="22.5" hidden="1" customHeight="1">
      <c r="A115" s="224"/>
      <c r="B115" s="225"/>
      <c r="C115" s="226"/>
      <c r="D115" s="49"/>
    </row>
    <row r="116" spans="1:4" s="37" customFormat="1" ht="22.5" hidden="1" customHeight="1">
      <c r="A116" s="224"/>
      <c r="B116" s="225"/>
      <c r="C116" s="226"/>
      <c r="D116" s="49"/>
    </row>
    <row r="117" spans="1:4" s="37" customFormat="1" ht="22.5" hidden="1" customHeight="1">
      <c r="A117" s="224"/>
      <c r="B117" s="225"/>
      <c r="C117" s="226"/>
      <c r="D117" s="49"/>
    </row>
    <row r="118" spans="1:4" s="37" customFormat="1" ht="22.5" hidden="1" customHeight="1">
      <c r="A118" s="224"/>
      <c r="B118" s="225"/>
      <c r="C118" s="226"/>
      <c r="D118" s="49"/>
    </row>
    <row r="119" spans="1:4" s="37" customFormat="1" ht="22.5" hidden="1" customHeight="1">
      <c r="A119" s="224"/>
      <c r="B119" s="225"/>
      <c r="C119" s="226"/>
      <c r="D119" s="49"/>
    </row>
    <row r="120" spans="1:4" s="37" customFormat="1" ht="22.5" hidden="1" customHeight="1">
      <c r="A120" s="224"/>
      <c r="B120" s="225"/>
      <c r="C120" s="226"/>
      <c r="D120" s="49"/>
    </row>
    <row r="121" spans="1:4" s="37" customFormat="1" ht="22.5" hidden="1" customHeight="1">
      <c r="A121" s="224"/>
      <c r="B121" s="225"/>
      <c r="C121" s="226"/>
      <c r="D121" s="49"/>
    </row>
    <row r="122" spans="1:4" s="37" customFormat="1" ht="22.5" hidden="1" customHeight="1">
      <c r="A122" s="224"/>
      <c r="B122" s="225"/>
      <c r="C122" s="226"/>
      <c r="D122" s="49"/>
    </row>
    <row r="123" spans="1:4" s="37" customFormat="1" ht="22.5" hidden="1" customHeight="1">
      <c r="A123" s="224"/>
      <c r="B123" s="225"/>
      <c r="C123" s="226"/>
      <c r="D123" s="49"/>
    </row>
    <row r="124" spans="1:4" s="37" customFormat="1" ht="22.5" hidden="1" customHeight="1">
      <c r="A124" s="224"/>
      <c r="B124" s="225"/>
      <c r="C124" s="226"/>
      <c r="D124" s="49"/>
    </row>
    <row r="125" spans="1:4" s="37" customFormat="1" ht="22.5" hidden="1" customHeight="1">
      <c r="A125" s="224"/>
      <c r="B125" s="225"/>
      <c r="C125" s="226"/>
      <c r="D125" s="49"/>
    </row>
    <row r="126" spans="1:4" s="37" customFormat="1" ht="22.5" hidden="1" customHeight="1">
      <c r="A126" s="224"/>
      <c r="B126" s="225"/>
      <c r="C126" s="226"/>
      <c r="D126" s="49"/>
    </row>
    <row r="127" spans="1:4" s="37" customFormat="1" ht="22.5" hidden="1" customHeight="1">
      <c r="A127" s="224"/>
      <c r="B127" s="225"/>
      <c r="C127" s="226"/>
      <c r="D127" s="49"/>
    </row>
    <row r="128" spans="1:4" s="37" customFormat="1" ht="22.5" hidden="1" customHeight="1">
      <c r="A128" s="224"/>
      <c r="B128" s="225"/>
      <c r="C128" s="226"/>
      <c r="D128" s="49"/>
    </row>
    <row r="129" spans="1:4" s="37" customFormat="1" ht="22.5" hidden="1" customHeight="1">
      <c r="A129" s="224"/>
      <c r="B129" s="225"/>
      <c r="C129" s="226"/>
      <c r="D129" s="49"/>
    </row>
    <row r="130" spans="1:4" s="37" customFormat="1" ht="22.5" hidden="1" customHeight="1">
      <c r="A130" s="224"/>
      <c r="B130" s="225"/>
      <c r="C130" s="226"/>
      <c r="D130" s="49"/>
    </row>
    <row r="131" spans="1:4" s="37" customFormat="1" ht="22.5" hidden="1" customHeight="1">
      <c r="A131" s="224"/>
      <c r="B131" s="225"/>
      <c r="C131" s="226"/>
      <c r="D131" s="49"/>
    </row>
    <row r="132" spans="1:4" s="37" customFormat="1" ht="22.5" hidden="1" customHeight="1">
      <c r="A132" s="224"/>
      <c r="B132" s="225"/>
      <c r="C132" s="226"/>
      <c r="D132" s="49"/>
    </row>
    <row r="133" spans="1:4" s="37" customFormat="1" ht="22.5" hidden="1" customHeight="1">
      <c r="A133" s="224"/>
      <c r="B133" s="225"/>
      <c r="C133" s="226"/>
      <c r="D133" s="49"/>
    </row>
    <row r="134" spans="1:4" s="37" customFormat="1" ht="22.5" hidden="1" customHeight="1">
      <c r="A134" s="224"/>
      <c r="B134" s="225"/>
      <c r="C134" s="226"/>
      <c r="D134" s="49"/>
    </row>
    <row r="135" spans="1:4" s="37" customFormat="1" ht="22.5" hidden="1" customHeight="1">
      <c r="A135" s="224"/>
      <c r="B135" s="225"/>
      <c r="C135" s="226"/>
      <c r="D135" s="49"/>
    </row>
    <row r="136" spans="1:4" s="37" customFormat="1" ht="22.5" hidden="1" customHeight="1">
      <c r="A136" s="224"/>
      <c r="B136" s="225"/>
      <c r="C136" s="226"/>
      <c r="D136" s="49"/>
    </row>
    <row r="137" spans="1:4" s="37" customFormat="1" ht="22.5" hidden="1" customHeight="1">
      <c r="A137" s="224"/>
      <c r="B137" s="225"/>
      <c r="C137" s="226"/>
      <c r="D137" s="49"/>
    </row>
    <row r="138" spans="1:4" s="37" customFormat="1" ht="22.5" hidden="1" customHeight="1">
      <c r="A138" s="224"/>
      <c r="B138" s="225"/>
      <c r="C138" s="226"/>
      <c r="D138" s="49"/>
    </row>
    <row r="139" spans="1:4" s="37" customFormat="1" ht="22.5" hidden="1" customHeight="1">
      <c r="A139" s="224"/>
      <c r="B139" s="225"/>
      <c r="C139" s="226"/>
      <c r="D139" s="49"/>
    </row>
    <row r="140" spans="1:4" s="37" customFormat="1" ht="22.5" hidden="1" customHeight="1">
      <c r="A140" s="224"/>
      <c r="B140" s="225"/>
      <c r="C140" s="226"/>
      <c r="D140" s="49"/>
    </row>
    <row r="141" spans="1:4" s="37" customFormat="1" ht="22.5" hidden="1" customHeight="1">
      <c r="A141" s="224"/>
      <c r="B141" s="225"/>
      <c r="C141" s="226"/>
      <c r="D141" s="49"/>
    </row>
    <row r="142" spans="1:4" s="37" customFormat="1" ht="22.5" hidden="1" customHeight="1">
      <c r="A142" s="224"/>
      <c r="B142" s="225"/>
      <c r="C142" s="226"/>
      <c r="D142" s="49"/>
    </row>
    <row r="143" spans="1:4" s="37" customFormat="1" ht="22.5" hidden="1" customHeight="1">
      <c r="A143" s="224"/>
      <c r="B143" s="225"/>
      <c r="C143" s="226"/>
      <c r="D143" s="49"/>
    </row>
    <row r="144" spans="1:4" s="37" customFormat="1" ht="22.5" hidden="1" customHeight="1">
      <c r="A144" s="224"/>
      <c r="B144" s="225"/>
      <c r="C144" s="226"/>
      <c r="D144" s="49"/>
    </row>
    <row r="145" spans="1:4" s="37" customFormat="1" ht="22.5" hidden="1" customHeight="1">
      <c r="A145" s="224"/>
      <c r="B145" s="225"/>
      <c r="C145" s="226"/>
      <c r="D145" s="49"/>
    </row>
    <row r="146" spans="1:4" s="37" customFormat="1" ht="22.5" hidden="1" customHeight="1">
      <c r="A146" s="224"/>
      <c r="B146" s="225"/>
      <c r="C146" s="226"/>
      <c r="D146" s="49"/>
    </row>
    <row r="147" spans="1:4" s="37" customFormat="1" ht="22.5" hidden="1" customHeight="1">
      <c r="A147" s="224"/>
      <c r="B147" s="225"/>
      <c r="C147" s="226"/>
      <c r="D147" s="49"/>
    </row>
    <row r="148" spans="1:4" s="37" customFormat="1" ht="22.5" hidden="1" customHeight="1">
      <c r="A148" s="224"/>
      <c r="B148" s="225"/>
      <c r="C148" s="226"/>
      <c r="D148" s="49"/>
    </row>
    <row r="149" spans="1:4" s="37" customFormat="1" ht="22.5" hidden="1" customHeight="1">
      <c r="A149" s="224"/>
      <c r="B149" s="225"/>
      <c r="C149" s="226"/>
      <c r="D149" s="49"/>
    </row>
    <row r="150" spans="1:4" s="37" customFormat="1" ht="22.5" hidden="1" customHeight="1">
      <c r="A150" s="224"/>
      <c r="B150" s="225"/>
      <c r="C150" s="226"/>
      <c r="D150" s="49"/>
    </row>
    <row r="151" spans="1:4" s="37" customFormat="1" ht="22.5" hidden="1" customHeight="1">
      <c r="A151" s="224"/>
      <c r="B151" s="225"/>
      <c r="C151" s="226"/>
      <c r="D151" s="49"/>
    </row>
    <row r="152" spans="1:4" s="37" customFormat="1" ht="22.5" hidden="1" customHeight="1">
      <c r="A152" s="224"/>
      <c r="B152" s="225"/>
      <c r="C152" s="226"/>
      <c r="D152" s="49"/>
    </row>
    <row r="153" spans="1:4" s="37" customFormat="1" ht="22.5" hidden="1" customHeight="1">
      <c r="A153" s="224"/>
      <c r="B153" s="225"/>
      <c r="C153" s="226"/>
      <c r="D153" s="49"/>
    </row>
    <row r="154" spans="1:4" s="37" customFormat="1" ht="22.5" hidden="1" customHeight="1">
      <c r="A154" s="224"/>
      <c r="B154" s="225"/>
      <c r="C154" s="226"/>
      <c r="D154" s="49"/>
    </row>
    <row r="155" spans="1:4" s="37" customFormat="1" ht="22.5" hidden="1" customHeight="1">
      <c r="A155" s="224"/>
      <c r="B155" s="225"/>
      <c r="C155" s="226"/>
      <c r="D155" s="49"/>
    </row>
    <row r="156" spans="1:4" s="37" customFormat="1" ht="22.5" hidden="1" customHeight="1">
      <c r="A156" s="224"/>
      <c r="B156" s="225"/>
      <c r="C156" s="226"/>
      <c r="D156" s="49"/>
    </row>
    <row r="157" spans="1:4" s="37" customFormat="1" ht="22.5" hidden="1" customHeight="1">
      <c r="A157" s="224"/>
      <c r="B157" s="225"/>
      <c r="C157" s="226"/>
      <c r="D157" s="49"/>
    </row>
    <row r="158" spans="1:4" s="37" customFormat="1" ht="22.5" hidden="1" customHeight="1">
      <c r="A158" s="224"/>
      <c r="B158" s="225"/>
      <c r="C158" s="226"/>
      <c r="D158" s="49"/>
    </row>
    <row r="159" spans="1:4" s="37" customFormat="1" ht="22.5" hidden="1" customHeight="1">
      <c r="A159" s="224"/>
      <c r="B159" s="225"/>
      <c r="C159" s="226"/>
      <c r="D159" s="49"/>
    </row>
    <row r="160" spans="1:4" s="37" customFormat="1" ht="22.5" hidden="1" customHeight="1">
      <c r="A160" s="224"/>
      <c r="B160" s="225"/>
      <c r="C160" s="226"/>
      <c r="D160" s="49"/>
    </row>
    <row r="161" spans="1:4" s="37" customFormat="1" ht="22.5" hidden="1" customHeight="1">
      <c r="A161" s="224"/>
      <c r="B161" s="225"/>
      <c r="C161" s="226"/>
      <c r="D161" s="49"/>
    </row>
    <row r="162" spans="1:4" s="37" customFormat="1" ht="22.5" hidden="1" customHeight="1">
      <c r="A162" s="224"/>
      <c r="B162" s="225"/>
      <c r="C162" s="226"/>
      <c r="D162" s="49"/>
    </row>
    <row r="163" spans="1:4" s="37" customFormat="1" ht="22.5" hidden="1" customHeight="1">
      <c r="A163" s="224"/>
      <c r="B163" s="225"/>
      <c r="C163" s="226"/>
      <c r="D163" s="49"/>
    </row>
    <row r="164" spans="1:4" s="37" customFormat="1" ht="22.5" hidden="1" customHeight="1">
      <c r="A164" s="224"/>
      <c r="B164" s="225"/>
      <c r="C164" s="226"/>
      <c r="D164" s="49"/>
    </row>
    <row r="165" spans="1:4" s="37" customFormat="1" ht="22.5" hidden="1" customHeight="1">
      <c r="A165" s="224"/>
      <c r="B165" s="225"/>
      <c r="C165" s="226"/>
      <c r="D165" s="49"/>
    </row>
    <row r="166" spans="1:4" s="37" customFormat="1" ht="22.5" hidden="1" customHeight="1">
      <c r="A166" s="224"/>
      <c r="B166" s="225"/>
      <c r="C166" s="226"/>
      <c r="D166" s="49"/>
    </row>
    <row r="167" spans="1:4" s="37" customFormat="1" ht="22.5" hidden="1" customHeight="1">
      <c r="A167" s="224"/>
      <c r="B167" s="225"/>
      <c r="C167" s="226"/>
      <c r="D167" s="49"/>
    </row>
    <row r="168" spans="1:4" s="37" customFormat="1" ht="22.5" hidden="1" customHeight="1">
      <c r="A168" s="224"/>
      <c r="B168" s="225"/>
      <c r="C168" s="226"/>
      <c r="D168" s="49"/>
    </row>
    <row r="169" spans="1:4" s="37" customFormat="1" ht="22.5" hidden="1" customHeight="1">
      <c r="A169" s="224"/>
      <c r="B169" s="225"/>
      <c r="C169" s="226"/>
      <c r="D169" s="49"/>
    </row>
    <row r="170" spans="1:4" s="37" customFormat="1" ht="22.5" hidden="1" customHeight="1">
      <c r="A170" s="224"/>
      <c r="B170" s="225"/>
      <c r="C170" s="226"/>
      <c r="D170" s="49"/>
    </row>
    <row r="171" spans="1:4" s="37" customFormat="1" ht="22.5" hidden="1" customHeight="1">
      <c r="A171" s="224"/>
      <c r="B171" s="225"/>
      <c r="C171" s="226"/>
      <c r="D171" s="49"/>
    </row>
    <row r="172" spans="1:4" s="37" customFormat="1" ht="22.5" hidden="1" customHeight="1">
      <c r="A172" s="224"/>
      <c r="B172" s="225"/>
      <c r="C172" s="226"/>
      <c r="D172" s="49"/>
    </row>
    <row r="173" spans="1:4" s="37" customFormat="1" ht="22.5" hidden="1" customHeight="1">
      <c r="A173" s="224"/>
      <c r="B173" s="225"/>
      <c r="C173" s="226"/>
      <c r="D173" s="49"/>
    </row>
    <row r="174" spans="1:4" s="37" customFormat="1" ht="22.5" hidden="1" customHeight="1">
      <c r="A174" s="224"/>
      <c r="B174" s="225"/>
      <c r="C174" s="226"/>
      <c r="D174" s="49"/>
    </row>
    <row r="175" spans="1:4" s="37" customFormat="1" ht="22.5" hidden="1" customHeight="1">
      <c r="A175" s="224"/>
      <c r="B175" s="225"/>
      <c r="C175" s="226"/>
      <c r="D175" s="49"/>
    </row>
    <row r="176" spans="1:4" s="37" customFormat="1" ht="22.5" hidden="1" customHeight="1">
      <c r="A176" s="224"/>
      <c r="B176" s="225"/>
      <c r="C176" s="226"/>
      <c r="D176" s="49"/>
    </row>
    <row r="177" spans="1:4" s="37" customFormat="1" ht="22.5" hidden="1" customHeight="1">
      <c r="A177" s="224"/>
      <c r="B177" s="225"/>
      <c r="C177" s="226"/>
      <c r="D177" s="49"/>
    </row>
    <row r="178" spans="1:4" s="37" customFormat="1" ht="22.5" hidden="1" customHeight="1">
      <c r="A178" s="224"/>
      <c r="B178" s="225"/>
      <c r="C178" s="226"/>
      <c r="D178" s="49"/>
    </row>
    <row r="179" spans="1:4" s="37" customFormat="1" ht="22.5" hidden="1" customHeight="1">
      <c r="A179" s="224"/>
      <c r="B179" s="225"/>
      <c r="C179" s="226"/>
      <c r="D179" s="49"/>
    </row>
    <row r="180" spans="1:4" s="37" customFormat="1" ht="22.5" hidden="1" customHeight="1">
      <c r="A180" s="224"/>
      <c r="B180" s="225"/>
      <c r="C180" s="226"/>
      <c r="D180" s="49"/>
    </row>
    <row r="181" spans="1:4" s="37" customFormat="1" ht="22.5" hidden="1" customHeight="1">
      <c r="A181" s="224"/>
      <c r="B181" s="225"/>
      <c r="C181" s="226"/>
      <c r="D181" s="49"/>
    </row>
    <row r="182" spans="1:4" s="37" customFormat="1" ht="22.5" hidden="1" customHeight="1">
      <c r="A182" s="224"/>
      <c r="B182" s="225"/>
      <c r="C182" s="226"/>
      <c r="D182" s="49"/>
    </row>
    <row r="183" spans="1:4" s="37" customFormat="1" ht="22.5" hidden="1" customHeight="1">
      <c r="A183" s="224"/>
      <c r="B183" s="225"/>
      <c r="C183" s="226"/>
      <c r="D183" s="49"/>
    </row>
    <row r="184" spans="1:4" s="37" customFormat="1" ht="22.5" hidden="1" customHeight="1">
      <c r="A184" s="224"/>
      <c r="B184" s="225"/>
      <c r="C184" s="226"/>
      <c r="D184" s="49"/>
    </row>
    <row r="185" spans="1:4" s="37" customFormat="1" ht="22.5" hidden="1" customHeight="1">
      <c r="A185" s="224"/>
      <c r="B185" s="225"/>
      <c r="C185" s="226"/>
      <c r="D185" s="49"/>
    </row>
    <row r="186" spans="1:4" s="37" customFormat="1" ht="22.5" hidden="1" customHeight="1">
      <c r="A186" s="224"/>
      <c r="B186" s="225"/>
      <c r="C186" s="226"/>
      <c r="D186" s="49"/>
    </row>
    <row r="187" spans="1:4" s="37" customFormat="1" ht="22.5" hidden="1" customHeight="1">
      <c r="A187" s="224"/>
      <c r="B187" s="225"/>
      <c r="C187" s="226"/>
      <c r="D187" s="49"/>
    </row>
    <row r="188" spans="1:4" s="37" customFormat="1" ht="22.5" hidden="1" customHeight="1">
      <c r="A188" s="224"/>
      <c r="B188" s="225"/>
      <c r="C188" s="226"/>
      <c r="D188" s="49"/>
    </row>
    <row r="189" spans="1:4" s="37" customFormat="1" ht="22.5" hidden="1" customHeight="1">
      <c r="A189" s="224"/>
      <c r="B189" s="225"/>
      <c r="C189" s="226"/>
      <c r="D189" s="49"/>
    </row>
    <row r="190" spans="1:4" s="37" customFormat="1" ht="22.5" hidden="1" customHeight="1">
      <c r="A190" s="224"/>
      <c r="B190" s="225"/>
      <c r="C190" s="226"/>
      <c r="D190" s="49"/>
    </row>
    <row r="191" spans="1:4" s="37" customFormat="1" ht="22.5" hidden="1" customHeight="1">
      <c r="A191" s="224"/>
      <c r="B191" s="225"/>
      <c r="C191" s="226"/>
      <c r="D191" s="49"/>
    </row>
    <row r="192" spans="1:4" s="37" customFormat="1" ht="22.5" hidden="1" customHeight="1">
      <c r="A192" s="224"/>
      <c r="B192" s="225"/>
      <c r="C192" s="226"/>
      <c r="D192" s="49"/>
    </row>
    <row r="193" spans="1:4" s="37" customFormat="1" ht="22.5" hidden="1" customHeight="1">
      <c r="A193" s="224"/>
      <c r="B193" s="225"/>
      <c r="C193" s="226"/>
      <c r="D193" s="49"/>
    </row>
    <row r="194" spans="1:4" s="37" customFormat="1" ht="22.5" hidden="1" customHeight="1">
      <c r="A194" s="224"/>
      <c r="B194" s="225"/>
      <c r="C194" s="226"/>
      <c r="D194" s="49"/>
    </row>
    <row r="195" spans="1:4" s="37" customFormat="1" ht="22.5" hidden="1" customHeight="1">
      <c r="A195" s="224"/>
      <c r="B195" s="225"/>
      <c r="C195" s="226"/>
      <c r="D195" s="49"/>
    </row>
    <row r="196" spans="1:4" s="37" customFormat="1" ht="22.5" hidden="1" customHeight="1">
      <c r="A196" s="224"/>
      <c r="B196" s="225"/>
      <c r="C196" s="226"/>
      <c r="D196" s="49"/>
    </row>
    <row r="197" spans="1:4" s="37" customFormat="1" ht="22.5" hidden="1" customHeight="1">
      <c r="A197" s="224"/>
      <c r="B197" s="225"/>
      <c r="C197" s="226"/>
      <c r="D197" s="49"/>
    </row>
    <row r="198" spans="1:4" s="37" customFormat="1" ht="22.5" hidden="1" customHeight="1">
      <c r="A198" s="224"/>
      <c r="B198" s="225"/>
      <c r="C198" s="226"/>
      <c r="D198" s="49"/>
    </row>
    <row r="199" spans="1:4" s="37" customFormat="1" ht="22.5" hidden="1" customHeight="1">
      <c r="A199" s="224"/>
      <c r="B199" s="225"/>
      <c r="C199" s="226"/>
      <c r="D199" s="49"/>
    </row>
    <row r="200" spans="1:4" s="37" customFormat="1" ht="22.5" hidden="1" customHeight="1">
      <c r="A200" s="224"/>
      <c r="B200" s="225"/>
      <c r="C200" s="226"/>
      <c r="D200" s="49"/>
    </row>
    <row r="201" spans="1:4" s="37" customFormat="1" ht="22.5" hidden="1" customHeight="1">
      <c r="A201" s="224"/>
      <c r="B201" s="225"/>
      <c r="C201" s="226"/>
      <c r="D201" s="49"/>
    </row>
    <row r="202" spans="1:4" s="37" customFormat="1" ht="22.5" hidden="1" customHeight="1">
      <c r="A202" s="224"/>
      <c r="B202" s="225"/>
      <c r="C202" s="226"/>
      <c r="D202" s="49"/>
    </row>
    <row r="203" spans="1:4" s="37" customFormat="1" ht="22.5" hidden="1" customHeight="1">
      <c r="A203" s="224"/>
      <c r="B203" s="225"/>
      <c r="C203" s="226"/>
      <c r="D203" s="49"/>
    </row>
    <row r="204" spans="1:4" s="37" customFormat="1" ht="22.5" hidden="1" customHeight="1">
      <c r="A204" s="224"/>
      <c r="B204" s="225"/>
      <c r="C204" s="226"/>
      <c r="D204" s="49"/>
    </row>
    <row r="205" spans="1:4" s="37" customFormat="1" ht="22.5" hidden="1" customHeight="1">
      <c r="A205" s="224"/>
      <c r="B205" s="225"/>
      <c r="C205" s="226"/>
      <c r="D205" s="49"/>
    </row>
    <row r="206" spans="1:4" s="37" customFormat="1" ht="22.5" hidden="1" customHeight="1">
      <c r="A206" s="224"/>
      <c r="B206" s="225"/>
      <c r="C206" s="226"/>
      <c r="D206" s="49"/>
    </row>
    <row r="207" spans="1:4" s="37" customFormat="1" ht="22.5" hidden="1" customHeight="1">
      <c r="A207" s="224"/>
      <c r="B207" s="225"/>
      <c r="C207" s="226"/>
      <c r="D207" s="49"/>
    </row>
    <row r="208" spans="1:4" s="37" customFormat="1" ht="22.5" hidden="1" customHeight="1">
      <c r="A208" s="224"/>
      <c r="B208" s="225"/>
      <c r="C208" s="226"/>
      <c r="D208" s="49"/>
    </row>
    <row r="209" spans="1:4" s="37" customFormat="1" ht="22.5" hidden="1" customHeight="1">
      <c r="A209" s="224"/>
      <c r="B209" s="225"/>
      <c r="C209" s="226"/>
      <c r="D209" s="49"/>
    </row>
    <row r="210" spans="1:4" s="37" customFormat="1" ht="22.5" hidden="1" customHeight="1">
      <c r="A210" s="224"/>
      <c r="B210" s="225"/>
      <c r="C210" s="226"/>
      <c r="D210" s="49"/>
    </row>
    <row r="211" spans="1:4" s="37" customFormat="1" ht="22.5" hidden="1" customHeight="1">
      <c r="A211" s="224"/>
      <c r="B211" s="225"/>
      <c r="C211" s="226"/>
      <c r="D211" s="49"/>
    </row>
    <row r="212" spans="1:4" s="37" customFormat="1" ht="22.5" hidden="1" customHeight="1">
      <c r="A212" s="224"/>
      <c r="B212" s="225"/>
      <c r="C212" s="226"/>
      <c r="D212" s="49"/>
    </row>
    <row r="213" spans="1:4" s="37" customFormat="1" ht="22.5" hidden="1" customHeight="1">
      <c r="A213" s="224"/>
      <c r="B213" s="225"/>
      <c r="C213" s="226"/>
      <c r="D213" s="49"/>
    </row>
    <row r="214" spans="1:4" s="37" customFormat="1" ht="22.5" customHeight="1" thickBot="1">
      <c r="A214" s="227" t="s">
        <v>151</v>
      </c>
      <c r="B214" s="228"/>
      <c r="C214" s="228"/>
      <c r="D214" s="50">
        <f>SUM(D14:D213)</f>
        <v>2200000</v>
      </c>
    </row>
    <row r="215" spans="1:4" s="33" customFormat="1" ht="22.5" customHeight="1"/>
    <row r="216" spans="1:4" s="33" customFormat="1" ht="22.5" customHeight="1">
      <c r="C216" s="119">
        <f>'交付申請書（様式１）'!F2</f>
        <v>46235</v>
      </c>
      <c r="D216" s="120"/>
    </row>
    <row r="217" spans="1:4" s="33" customFormat="1" ht="22.5" customHeight="1">
      <c r="C217" s="121" t="s">
        <v>152</v>
      </c>
      <c r="D217" s="120"/>
    </row>
    <row r="218" spans="1:4" s="33" customFormat="1" ht="22.5" customHeight="1">
      <c r="C218" s="229" t="str">
        <f>'交付申請書（様式１）'!F5</f>
        <v>社会福祉法人 かながわ</v>
      </c>
      <c r="D218" s="229"/>
    </row>
    <row r="219" spans="1:4" s="33" customFormat="1" ht="22.5" customHeight="1">
      <c r="C219" s="229" t="str">
        <f>'交付申請書（様式１）'!F6</f>
        <v>理事長　神奈川 太郎</v>
      </c>
      <c r="D219" s="229"/>
    </row>
  </sheetData>
  <sheetProtection formatCells="0" formatColumns="0" formatRows="0" insertColumns="0" insertRows="0" insertHyperlinks="0" deleteColumns="0" deleteRows="0" sort="0" autoFilter="0" pivotTables="0"/>
  <mergeCells count="209">
    <mergeCell ref="A212:C212"/>
    <mergeCell ref="A213:C213"/>
    <mergeCell ref="A214:C214"/>
    <mergeCell ref="C218:D218"/>
    <mergeCell ref="C219:D219"/>
    <mergeCell ref="A206:C206"/>
    <mergeCell ref="A207:C207"/>
    <mergeCell ref="A208:C208"/>
    <mergeCell ref="A209:C209"/>
    <mergeCell ref="A210:C210"/>
    <mergeCell ref="A211:C211"/>
    <mergeCell ref="A200:C200"/>
    <mergeCell ref="A201:C201"/>
    <mergeCell ref="A202:C202"/>
    <mergeCell ref="A203:C203"/>
    <mergeCell ref="A204:C204"/>
    <mergeCell ref="A205:C205"/>
    <mergeCell ref="A194:C194"/>
    <mergeCell ref="A195:C195"/>
    <mergeCell ref="A196:C196"/>
    <mergeCell ref="A197:C197"/>
    <mergeCell ref="A198:C198"/>
    <mergeCell ref="A199:C199"/>
    <mergeCell ref="A188:C188"/>
    <mergeCell ref="A189:C189"/>
    <mergeCell ref="A190:C190"/>
    <mergeCell ref="A191:C191"/>
    <mergeCell ref="A192:C192"/>
    <mergeCell ref="A193:C193"/>
    <mergeCell ref="A182:C182"/>
    <mergeCell ref="A183:C183"/>
    <mergeCell ref="A184:C184"/>
    <mergeCell ref="A185:C185"/>
    <mergeCell ref="A186:C186"/>
    <mergeCell ref="A187:C187"/>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04:C104"/>
    <mergeCell ref="A105:C105"/>
    <mergeCell ref="A106:C106"/>
    <mergeCell ref="A107:C107"/>
    <mergeCell ref="A108:C108"/>
    <mergeCell ref="A109:C109"/>
    <mergeCell ref="A98:C98"/>
    <mergeCell ref="A99:C99"/>
    <mergeCell ref="A100:C100"/>
    <mergeCell ref="A101:C101"/>
    <mergeCell ref="A102:C102"/>
    <mergeCell ref="A103:C103"/>
    <mergeCell ref="A92:C92"/>
    <mergeCell ref="A93:C93"/>
    <mergeCell ref="A94:C94"/>
    <mergeCell ref="A95:C95"/>
    <mergeCell ref="A96:C96"/>
    <mergeCell ref="A97:C97"/>
    <mergeCell ref="A86:C86"/>
    <mergeCell ref="A87:C87"/>
    <mergeCell ref="A88:C88"/>
    <mergeCell ref="A89:C89"/>
    <mergeCell ref="A90:C90"/>
    <mergeCell ref="A91:C91"/>
    <mergeCell ref="A80:C80"/>
    <mergeCell ref="A81:C81"/>
    <mergeCell ref="A82:C82"/>
    <mergeCell ref="A83:C83"/>
    <mergeCell ref="A84:C84"/>
    <mergeCell ref="A85:C85"/>
    <mergeCell ref="A74:C74"/>
    <mergeCell ref="A75:C75"/>
    <mergeCell ref="A76:C76"/>
    <mergeCell ref="A77:C77"/>
    <mergeCell ref="A78:C78"/>
    <mergeCell ref="A79:C79"/>
    <mergeCell ref="A68:C68"/>
    <mergeCell ref="A69:C69"/>
    <mergeCell ref="A70:C70"/>
    <mergeCell ref="A71:C71"/>
    <mergeCell ref="A72:C72"/>
    <mergeCell ref="A73:C73"/>
    <mergeCell ref="A62:C62"/>
    <mergeCell ref="A63:C63"/>
    <mergeCell ref="A64:C64"/>
    <mergeCell ref="A65:C65"/>
    <mergeCell ref="A66:C66"/>
    <mergeCell ref="A67:C67"/>
    <mergeCell ref="A56:C56"/>
    <mergeCell ref="A57:C57"/>
    <mergeCell ref="A58:C58"/>
    <mergeCell ref="A59:C59"/>
    <mergeCell ref="A60:C60"/>
    <mergeCell ref="A61:C61"/>
    <mergeCell ref="A50:C50"/>
    <mergeCell ref="A51:C51"/>
    <mergeCell ref="A52:C52"/>
    <mergeCell ref="A53:C53"/>
    <mergeCell ref="A54:C54"/>
    <mergeCell ref="A55:C55"/>
    <mergeCell ref="A44:C44"/>
    <mergeCell ref="A45:C45"/>
    <mergeCell ref="A46:C46"/>
    <mergeCell ref="A47:C47"/>
    <mergeCell ref="A48:C48"/>
    <mergeCell ref="A49:C49"/>
    <mergeCell ref="A38:C38"/>
    <mergeCell ref="A39:C39"/>
    <mergeCell ref="A40:C40"/>
    <mergeCell ref="A41:C41"/>
    <mergeCell ref="A42:C42"/>
    <mergeCell ref="A43:C43"/>
    <mergeCell ref="A32:C32"/>
    <mergeCell ref="A33:C33"/>
    <mergeCell ref="A34:C34"/>
    <mergeCell ref="A35:C35"/>
    <mergeCell ref="A36:C36"/>
    <mergeCell ref="A37:C37"/>
    <mergeCell ref="A26:C26"/>
    <mergeCell ref="A27:C27"/>
    <mergeCell ref="A28:C28"/>
    <mergeCell ref="A29:C29"/>
    <mergeCell ref="A30:C30"/>
    <mergeCell ref="A31:C31"/>
    <mergeCell ref="A23:C23"/>
    <mergeCell ref="A24:C24"/>
    <mergeCell ref="A25:C25"/>
    <mergeCell ref="A14:C14"/>
    <mergeCell ref="A15:C15"/>
    <mergeCell ref="A16:C16"/>
    <mergeCell ref="A17:C17"/>
    <mergeCell ref="A18:C18"/>
    <mergeCell ref="A19:C19"/>
    <mergeCell ref="A1:D1"/>
    <mergeCell ref="A3:D3"/>
    <mergeCell ref="B4:C4"/>
    <mergeCell ref="B6:C6"/>
    <mergeCell ref="A10:C10"/>
    <mergeCell ref="A13:D13"/>
    <mergeCell ref="A20:C20"/>
    <mergeCell ref="A21:C21"/>
    <mergeCell ref="A22:C22"/>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H67"/>
  <sheetViews>
    <sheetView tabSelected="1" topLeftCell="B1" workbookViewId="0">
      <selection activeCell="D14" sqref="D14"/>
    </sheetView>
  </sheetViews>
  <sheetFormatPr defaultRowHeight="13"/>
  <cols>
    <col min="2" max="2" width="83.36328125" bestFit="1" customWidth="1"/>
    <col min="3" max="3" width="37" customWidth="1"/>
    <col min="4" max="4" width="11.6328125" bestFit="1" customWidth="1"/>
    <col min="5" max="5" width="52.6328125" bestFit="1" customWidth="1"/>
    <col min="6" max="6" width="11.6328125" bestFit="1" customWidth="1"/>
    <col min="7" max="7" width="43.81640625" bestFit="1" customWidth="1"/>
    <col min="8" max="8" width="11.6328125" bestFit="1" customWidth="1"/>
  </cols>
  <sheetData>
    <row r="1" spans="1:8">
      <c r="A1" s="106"/>
      <c r="B1" s="107" t="s">
        <v>176</v>
      </c>
      <c r="C1" s="108" t="s">
        <v>272</v>
      </c>
      <c r="D1" s="109" t="s">
        <v>291</v>
      </c>
      <c r="E1" s="108" t="s">
        <v>272</v>
      </c>
      <c r="F1" s="109" t="s">
        <v>291</v>
      </c>
      <c r="G1" s="108" t="s">
        <v>272</v>
      </c>
      <c r="H1" s="109" t="s">
        <v>291</v>
      </c>
    </row>
    <row r="2" spans="1:8">
      <c r="B2" s="76" t="s">
        <v>177</v>
      </c>
      <c r="C2" s="110" t="s">
        <v>264</v>
      </c>
      <c r="D2" s="111">
        <v>1</v>
      </c>
      <c r="E2" s="110"/>
      <c r="F2" s="111"/>
      <c r="G2" s="110" t="s">
        <v>293</v>
      </c>
      <c r="H2" s="111">
        <v>5</v>
      </c>
    </row>
    <row r="3" spans="1:8">
      <c r="B3" s="76" t="s">
        <v>178</v>
      </c>
      <c r="C3" s="110" t="s">
        <v>265</v>
      </c>
      <c r="D3" s="111">
        <v>1</v>
      </c>
      <c r="E3" s="110" t="s">
        <v>301</v>
      </c>
      <c r="F3" s="111">
        <v>4</v>
      </c>
      <c r="G3" s="112" t="s">
        <v>292</v>
      </c>
      <c r="H3" s="113">
        <v>3</v>
      </c>
    </row>
    <row r="4" spans="1:8">
      <c r="B4" s="76" t="s">
        <v>179</v>
      </c>
      <c r="C4" s="110" t="s">
        <v>266</v>
      </c>
      <c r="D4" s="111">
        <v>2</v>
      </c>
      <c r="E4" s="112" t="s">
        <v>275</v>
      </c>
      <c r="F4" s="113">
        <v>3</v>
      </c>
    </row>
    <row r="5" spans="1:8">
      <c r="B5" s="76" t="s">
        <v>180</v>
      </c>
      <c r="C5" s="110" t="s">
        <v>267</v>
      </c>
      <c r="D5" s="111">
        <v>2</v>
      </c>
    </row>
    <row r="6" spans="1:8">
      <c r="B6" s="76" t="s">
        <v>181</v>
      </c>
      <c r="C6" s="110" t="s">
        <v>268</v>
      </c>
      <c r="D6" s="111">
        <v>1</v>
      </c>
    </row>
    <row r="7" spans="1:8">
      <c r="B7" s="76" t="s">
        <v>182</v>
      </c>
      <c r="C7" s="110" t="s">
        <v>269</v>
      </c>
      <c r="D7" s="111">
        <v>2</v>
      </c>
    </row>
    <row r="8" spans="1:8">
      <c r="B8" s="76" t="s">
        <v>183</v>
      </c>
      <c r="C8" s="110" t="s">
        <v>270</v>
      </c>
      <c r="D8" s="111">
        <v>2</v>
      </c>
    </row>
    <row r="9" spans="1:8">
      <c r="B9" s="76" t="s">
        <v>184</v>
      </c>
      <c r="C9" s="110" t="s">
        <v>271</v>
      </c>
      <c r="D9" s="111">
        <v>2</v>
      </c>
    </row>
    <row r="10" spans="1:8">
      <c r="B10" s="76" t="s">
        <v>185</v>
      </c>
      <c r="C10" s="110" t="s">
        <v>263</v>
      </c>
      <c r="D10" s="111">
        <v>2</v>
      </c>
    </row>
    <row r="11" spans="1:8">
      <c r="B11" s="76" t="s">
        <v>186</v>
      </c>
      <c r="C11" s="110" t="s">
        <v>273</v>
      </c>
      <c r="D11" s="111">
        <v>1</v>
      </c>
    </row>
    <row r="12" spans="1:8">
      <c r="B12" s="76" t="s">
        <v>187</v>
      </c>
      <c r="C12" s="112" t="s">
        <v>275</v>
      </c>
      <c r="D12" s="113">
        <v>3</v>
      </c>
    </row>
    <row r="13" spans="1:8">
      <c r="B13" s="76" t="s">
        <v>188</v>
      </c>
    </row>
    <row r="14" spans="1:8">
      <c r="B14" s="77" t="s">
        <v>189</v>
      </c>
    </row>
    <row r="15" spans="1:8">
      <c r="B15" s="77" t="s">
        <v>190</v>
      </c>
    </row>
    <row r="16" spans="1:8">
      <c r="B16" s="77" t="s">
        <v>191</v>
      </c>
    </row>
    <row r="17" spans="2:2">
      <c r="B17" s="77" t="s">
        <v>192</v>
      </c>
    </row>
    <row r="18" spans="2:2">
      <c r="B18" s="77" t="s">
        <v>193</v>
      </c>
    </row>
    <row r="19" spans="2:2">
      <c r="B19" s="77" t="s">
        <v>194</v>
      </c>
    </row>
    <row r="20" spans="2:2">
      <c r="B20" s="77" t="s">
        <v>195</v>
      </c>
    </row>
    <row r="21" spans="2:2">
      <c r="B21" s="77" t="s">
        <v>196</v>
      </c>
    </row>
    <row r="22" spans="2:2">
      <c r="B22" s="77" t="s">
        <v>197</v>
      </c>
    </row>
    <row r="23" spans="2:2">
      <c r="B23" s="77" t="s">
        <v>198</v>
      </c>
    </row>
    <row r="24" spans="2:2">
      <c r="B24" s="77" t="s">
        <v>199</v>
      </c>
    </row>
    <row r="25" spans="2:2">
      <c r="B25" s="77" t="s">
        <v>200</v>
      </c>
    </row>
    <row r="26" spans="2:2">
      <c r="B26" s="77" t="s">
        <v>201</v>
      </c>
    </row>
    <row r="27" spans="2:2">
      <c r="B27" s="77" t="s">
        <v>202</v>
      </c>
    </row>
    <row r="28" spans="2:2">
      <c r="B28" s="77" t="s">
        <v>203</v>
      </c>
    </row>
    <row r="29" spans="2:2">
      <c r="B29" s="77" t="s">
        <v>204</v>
      </c>
    </row>
    <row r="30" spans="2:2">
      <c r="B30" s="77" t="s">
        <v>205</v>
      </c>
    </row>
    <row r="31" spans="2:2">
      <c r="B31" s="76" t="s">
        <v>206</v>
      </c>
    </row>
    <row r="32" spans="2:2">
      <c r="B32" s="76" t="s">
        <v>207</v>
      </c>
    </row>
    <row r="33" spans="2:2">
      <c r="B33" s="76" t="s">
        <v>208</v>
      </c>
    </row>
    <row r="34" spans="2:2">
      <c r="B34" s="76" t="s">
        <v>209</v>
      </c>
    </row>
    <row r="35" spans="2:2">
      <c r="B35" s="76" t="s">
        <v>210</v>
      </c>
    </row>
    <row r="36" spans="2:2">
      <c r="B36" s="76" t="s">
        <v>211</v>
      </c>
    </row>
    <row r="37" spans="2:2">
      <c r="B37" s="76" t="s">
        <v>212</v>
      </c>
    </row>
    <row r="38" spans="2:2">
      <c r="B38" s="76" t="s">
        <v>213</v>
      </c>
    </row>
    <row r="39" spans="2:2">
      <c r="B39" s="76" t="s">
        <v>214</v>
      </c>
    </row>
    <row r="40" spans="2:2">
      <c r="B40" s="76" t="s">
        <v>215</v>
      </c>
    </row>
    <row r="41" spans="2:2">
      <c r="B41" s="76" t="s">
        <v>216</v>
      </c>
    </row>
    <row r="42" spans="2:2">
      <c r="B42" s="78" t="s">
        <v>217</v>
      </c>
    </row>
    <row r="43" spans="2:2">
      <c r="B43" s="78" t="s">
        <v>218</v>
      </c>
    </row>
    <row r="44" spans="2:2">
      <c r="B44" s="78" t="s">
        <v>219</v>
      </c>
    </row>
    <row r="45" spans="2:2">
      <c r="B45" s="78" t="s">
        <v>220</v>
      </c>
    </row>
    <row r="46" spans="2:2">
      <c r="B46" s="78" t="s">
        <v>221</v>
      </c>
    </row>
    <row r="47" spans="2:2">
      <c r="B47" s="78" t="s">
        <v>222</v>
      </c>
    </row>
    <row r="48" spans="2:2">
      <c r="B48" s="78" t="s">
        <v>223</v>
      </c>
    </row>
    <row r="49" spans="2:2">
      <c r="B49" s="78" t="s">
        <v>224</v>
      </c>
    </row>
    <row r="50" spans="2:2">
      <c r="B50" s="78" t="s">
        <v>225</v>
      </c>
    </row>
    <row r="51" spans="2:2">
      <c r="B51" s="78" t="s">
        <v>226</v>
      </c>
    </row>
    <row r="52" spans="2:2">
      <c r="B52" s="78" t="s">
        <v>227</v>
      </c>
    </row>
    <row r="53" spans="2:2">
      <c r="B53" s="78" t="s">
        <v>228</v>
      </c>
    </row>
    <row r="54" spans="2:2">
      <c r="B54" s="78" t="s">
        <v>229</v>
      </c>
    </row>
    <row r="55" spans="2:2">
      <c r="B55" s="78" t="s">
        <v>230</v>
      </c>
    </row>
    <row r="56" spans="2:2">
      <c r="B56" s="78" t="s">
        <v>231</v>
      </c>
    </row>
    <row r="57" spans="2:2">
      <c r="B57" s="78" t="s">
        <v>232</v>
      </c>
    </row>
    <row r="58" spans="2:2">
      <c r="B58" s="78" t="s">
        <v>233</v>
      </c>
    </row>
    <row r="59" spans="2:2">
      <c r="B59" s="78" t="s">
        <v>234</v>
      </c>
    </row>
    <row r="60" spans="2:2">
      <c r="B60" s="78" t="s">
        <v>235</v>
      </c>
    </row>
    <row r="61" spans="2:2">
      <c r="B61" s="78" t="s">
        <v>236</v>
      </c>
    </row>
    <row r="62" spans="2:2">
      <c r="B62" s="78" t="s">
        <v>237</v>
      </c>
    </row>
    <row r="63" spans="2:2">
      <c r="B63" s="78" t="s">
        <v>238</v>
      </c>
    </row>
    <row r="64" spans="2:2">
      <c r="B64" s="78" t="s">
        <v>239</v>
      </c>
    </row>
    <row r="65" spans="2:2">
      <c r="B65" s="78" t="s">
        <v>240</v>
      </c>
    </row>
    <row r="66" spans="2:2">
      <c r="B66" s="78" t="s">
        <v>241</v>
      </c>
    </row>
    <row r="67" spans="2:2">
      <c r="B67" s="78" t="s">
        <v>242</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介護テクノロジー（介護ソフト）】所要額調書(様式２)</vt:lpstr>
      <vt:lpstr>事業計画書（様式３）</vt:lpstr>
      <vt:lpstr>予算書抄本</vt:lpstr>
      <vt:lpstr>データ</vt:lpstr>
      <vt:lpstr>'【介護テクノロジー（介護ソフト）】所要額調書(様式２)'!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08-20T06:20:07Z</cp:lastPrinted>
  <dcterms:created xsi:type="dcterms:W3CDTF">2008-02-29T03:15:41Z</dcterms:created>
  <dcterms:modified xsi:type="dcterms:W3CDTF">2026-07-14T04:43:48Z</dcterms:modified>
</cp:coreProperties>
</file>